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fntdata" ContentType="application/x-fontdata"/>
  <Default Extension="xml" ContentType="application/xml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diagrams/data3.xml" ContentType="application/vnd.openxmlformats-officedocument.drawingml.diagramData+xml"/>
  <Override PartName="/ppt/diagrams/data4.xml" ContentType="application/vnd.openxmlformats-officedocument.drawingml.diagramData+xml"/>
  <Override PartName="/ppt/diagrams/data5.xml" ContentType="application/vnd.openxmlformats-officedocument.drawingml.diagramData+xml"/>
  <Override PartName="/ppt/diagrams/data1.xml" ContentType="application/vnd.openxmlformats-officedocument.drawingml.diagramData+xml"/>
  <Override PartName="/ppt/diagrams/data2.xml" ContentType="application/vnd.openxmlformats-officedocument.drawingml.diagramData+xml"/>
  <Override PartName="/ppt/slideMasters/slideMaster1.xml" ContentType="application/vnd.openxmlformats-officedocument.presentationml.slideMaster+xml"/>
  <Override PartName="/ppt/notesSlides/notesSlide8.xml" ContentType="application/vnd.openxmlformats-officedocument.presentationml.notesSlide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slideLayouts/slideLayout1.xml" ContentType="application/vnd.openxmlformats-officedocument.presentationml.slideLayout+xml"/>
  <Override PartName="/ppt/notesSlides/notesSlide7.xml" ContentType="application/vnd.openxmlformats-officedocument.presentationml.notesSlide+xml"/>
  <Override PartName="/ppt/notesSlides/notesSlide6.xml" ContentType="application/vnd.openxmlformats-officedocument.presentationml.notesSlide+xml"/>
  <Override PartName="/ppt/notesMasters/notesMaster1.xml" ContentType="application/vnd.openxmlformats-officedocument.presentationml.notesMaster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heme/theme1.xml" ContentType="application/vnd.openxmlformats-officedocument.theme+xml"/>
  <Override PartName="/ppt/diagrams/layout4.xml" ContentType="application/vnd.openxmlformats-officedocument.drawingml.diagramLayout+xml"/>
  <Override PartName="/ppt/theme/theme2.xml" ContentType="application/vnd.openxmlformats-officedocument.theme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style2.xml" ContentType="application/vnd.ms-office.chartstyle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71.xml" ContentType="application/vnd.openxmlformats-officedocument.presentationml.tags+xml"/>
  <Override PartName="/ppt/tags/tag64.xml" ContentType="application/vnd.openxmlformats-officedocument.presentationml.tags+xml"/>
  <Override PartName="/ppt/tags/tag44.xml" ContentType="application/vnd.openxmlformats-officedocument.presentationml.tags+xml"/>
  <Override PartName="/ppt/tags/tag42.xml" ContentType="application/vnd.openxmlformats-officedocument.presentationml.tags+xml"/>
  <Override PartName="/ppt/tags/tag65.xml" ContentType="application/vnd.openxmlformats-officedocument.presentationml.tags+xml"/>
  <Override PartName="/ppt/tags/tag48.xml" ContentType="application/vnd.openxmlformats-officedocument.presentationml.tags+xml"/>
  <Override PartName="/ppt/tags/tag46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43.xml" ContentType="application/vnd.openxmlformats-officedocument.presentationml.tags+xml"/>
  <Override PartName="/ppt/tags/tag41.xml" ContentType="application/vnd.openxmlformats-officedocument.presentationml.tags+xml"/>
  <Override PartName="/ppt/tags/tag40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45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8.xml" ContentType="application/vnd.openxmlformats-officedocument.presentationml.tags+xml"/>
  <Override PartName="/ppt/tags/tag39.xml" ContentType="application/vnd.openxmlformats-officedocument.presentationml.tags+xml"/>
  <Override PartName="/ppt/tags/tag25.xml" ContentType="application/vnd.openxmlformats-officedocument.presentationml.tags+xml"/>
  <Override PartName="/ppt/tags/tag38.xml" ContentType="application/vnd.openxmlformats-officedocument.presentationml.tags+xml"/>
  <Override PartName="/ppt/tags/tag37.xml" ContentType="application/vnd.openxmlformats-officedocument.presentationml.tags+xml"/>
  <Override PartName="/ppt/tags/tag36.xml" ContentType="application/vnd.openxmlformats-officedocument.presentationml.tags+xml"/>
  <Override PartName="/ppt/tags/tag35.xml" ContentType="application/vnd.openxmlformats-officedocument.presentationml.tags+xml"/>
  <Override PartName="/ppt/tags/tag34.xml" ContentType="application/vnd.openxmlformats-officedocument.presentationml.tags+xml"/>
  <Override PartName="/ppt/tags/tag33.xml" ContentType="application/vnd.openxmlformats-officedocument.presentationml.tags+xml"/>
  <Override PartName="/ppt/tags/tag32.xml" ContentType="application/vnd.openxmlformats-officedocument.presentationml.tags+xml"/>
  <Override PartName="/ppt/tags/tag31.xml" ContentType="application/vnd.openxmlformats-officedocument.presentationml.tags+xml"/>
  <Override PartName="/ppt/tags/tag30.xml" ContentType="application/vnd.openxmlformats-officedocument.presentationml.tags+xml"/>
  <Override PartName="/ppt/tags/tag29.xml" ContentType="application/vnd.openxmlformats-officedocument.presentationml.tags+xml"/>
  <Override PartName="/ppt/tags/tag28.xml" ContentType="application/vnd.openxmlformats-officedocument.presentationml.tags+xml"/>
  <Override PartName="/ppt/tags/tag27.xml" ContentType="application/vnd.openxmlformats-officedocument.presentationml.tags+xml"/>
  <Override PartName="/ppt/tags/tag26.xml" ContentType="application/vnd.openxmlformats-officedocument.presentationml.tags+xml"/>
  <Override PartName="/ppt/tags/tag24.xml" ContentType="application/vnd.openxmlformats-officedocument.presentationml.tags+xml"/>
  <Override PartName="/ppt/tags/tag23.xml" ContentType="application/vnd.openxmlformats-officedocument.presentationml.tags+xml"/>
  <Override PartName="/ppt/tags/tag69.xml" ContentType="application/vnd.openxmlformats-officedocument.presentationml.tags+xml"/>
  <Override PartName="/ppt/tags/tag47.xml" ContentType="application/vnd.openxmlformats-officedocument.presentationml.tags+xml"/>
  <Override PartName="/ppt/tags/tag70.xml" ContentType="application/vnd.openxmlformats-officedocument.presentationml.tags+xml"/>
  <Override PartName="/ppt/tags/tag49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embedTrueTypeFonts="1" saveSubsetFonts="1" autoCompressPictures="0">
  <p:sldMasterIdLst>
    <p:sldMasterId id="2147483659" r:id="rId1"/>
  </p:sldMasterIdLst>
  <p:notesMasterIdLst>
    <p:notesMasterId r:id="rId17"/>
  </p:notesMasterIdLst>
  <p:sldIdLst>
    <p:sldId id="256" r:id="rId2"/>
    <p:sldId id="260" r:id="rId3"/>
    <p:sldId id="280" r:id="rId4"/>
    <p:sldId id="281" r:id="rId5"/>
    <p:sldId id="467" r:id="rId6"/>
    <p:sldId id="282" r:id="rId7"/>
    <p:sldId id="276" r:id="rId8"/>
    <p:sldId id="290" r:id="rId9"/>
    <p:sldId id="291" r:id="rId10"/>
    <p:sldId id="292" r:id="rId11"/>
    <p:sldId id="294" r:id="rId12"/>
    <p:sldId id="460" r:id="rId13"/>
    <p:sldId id="463" r:id="rId14"/>
    <p:sldId id="464" r:id="rId15"/>
    <p:sldId id="465" r:id="rId16"/>
  </p:sldIdLst>
  <p:sldSz cx="12192000" cy="6858000"/>
  <p:notesSz cx="6858000" cy="9144000"/>
  <p:embeddedFontLst>
    <p:embeddedFont>
      <p:font typeface="DIN Next LT Arabic" panose="020B0503020203050203" pitchFamily="34" charset="-78"/>
      <p:regular r:id="rId18"/>
      <p:bold r:id="rId19"/>
    </p:embeddedFont>
  </p:embeddedFontLst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BDEC3"/>
    <a:srgbClr val="C29943"/>
    <a:srgbClr val="0C7277"/>
    <a:srgbClr val="0C3555"/>
    <a:srgbClr val="01A5DB"/>
    <a:srgbClr val="84BD00"/>
    <a:srgbClr val="B33771"/>
    <a:srgbClr val="643278"/>
    <a:srgbClr val="F39C12"/>
    <a:srgbClr val="E55F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–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678" autoAdjust="0"/>
    <p:restoredTop sz="87320" autoAdjust="0"/>
  </p:normalViewPr>
  <p:slideViewPr>
    <p:cSldViewPr snapToGrid="0">
      <p:cViewPr varScale="1">
        <p:scale>
          <a:sx n="72" d="100"/>
          <a:sy n="72" d="100"/>
        </p:scale>
        <p:origin x="936" y="5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1.fntdata"/><Relationship Id="rId26" Type="http://schemas.openxmlformats.org/officeDocument/2006/relationships/customXml" Target="../customXml/item3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5" Type="http://schemas.openxmlformats.org/officeDocument/2006/relationships/customXml" Target="../customXml/item2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customXml" Target="../customXml/item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font" Target="fonts/font2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4.3</c:v>
                </c:pt>
                <c:pt idx="1">
                  <c:v>2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26C-46B9-95BD-CC791FEC3A1A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4</c:v>
                </c:pt>
                <c:pt idx="1">
                  <c:v>4.400000000000000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26C-46B9-95BD-CC791FEC3A1A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226C-46B9-95BD-CC791FEC3A1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418144751"/>
        <c:axId val="1418136111"/>
      </c:barChart>
      <c:catAx>
        <c:axId val="1418144751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36111"/>
        <c:crosses val="autoZero"/>
        <c:auto val="1"/>
        <c:lblAlgn val="ctr"/>
        <c:lblOffset val="100"/>
        <c:noMultiLvlLbl val="0"/>
      </c:catAx>
      <c:valAx>
        <c:axId val="1418136111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2"/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44751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4.3</c:v>
                </c:pt>
                <c:pt idx="1">
                  <c:v>2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26C-46B9-95BD-CC791FEC3A1A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4</c:v>
                </c:pt>
                <c:pt idx="1">
                  <c:v>4.400000000000000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26C-46B9-95BD-CC791FEC3A1A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226C-46B9-95BD-CC791FEC3A1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100"/>
        <c:axId val="1418144751"/>
        <c:axId val="1418136111"/>
      </c:barChart>
      <c:catAx>
        <c:axId val="1418144751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36111"/>
        <c:crosses val="autoZero"/>
        <c:auto val="1"/>
        <c:lblAlgn val="ctr"/>
        <c:lblOffset val="100"/>
        <c:noMultiLvlLbl val="0"/>
      </c:catAx>
      <c:valAx>
        <c:axId val="1418136111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2"/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44751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4.3</c:v>
                </c:pt>
                <c:pt idx="1">
                  <c:v>2.5</c:v>
                </c:pt>
                <c:pt idx="2">
                  <c:v>3.5</c:v>
                </c:pt>
                <c:pt idx="3">
                  <c:v>4.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226C-46B9-95BD-CC791FEC3A1A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2.4</c:v>
                </c:pt>
                <c:pt idx="1">
                  <c:v>4.4000000000000004</c:v>
                </c:pt>
                <c:pt idx="2">
                  <c:v>1.8</c:v>
                </c:pt>
                <c:pt idx="3">
                  <c:v>2.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226C-46B9-95BD-CC791FEC3A1A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cat>
            <c:strRef>
              <c:f>Sheet1!$A$2:$A$5</c:f>
              <c:strCache>
                <c:ptCount val="4"/>
                <c:pt idx="0">
                  <c:v>Category 1</c:v>
                </c:pt>
                <c:pt idx="1">
                  <c:v>Category 2</c:v>
                </c:pt>
                <c:pt idx="2">
                  <c:v>Category 3</c:v>
                </c:pt>
                <c:pt idx="3">
                  <c:v>Category 4</c:v>
                </c:pt>
              </c:strCache>
            </c:strRef>
          </c:cat>
          <c:val>
            <c:numRef>
              <c:f>Sheet1!$D$2:$D$5</c:f>
              <c:numCache>
                <c:formatCode>General</c:formatCode>
                <c:ptCount val="4"/>
                <c:pt idx="0">
                  <c:v>2</c:v>
                </c:pt>
                <c:pt idx="1">
                  <c:v>2</c:v>
                </c:pt>
                <c:pt idx="2">
                  <c:v>3</c:v>
                </c:pt>
                <c:pt idx="3">
                  <c:v>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226C-46B9-95BD-CC791FEC3A1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1418144751"/>
        <c:axId val="1418136111"/>
      </c:lineChart>
      <c:catAx>
        <c:axId val="1418144751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36111"/>
        <c:crosses val="autoZero"/>
        <c:auto val="1"/>
        <c:lblAlgn val="ctr"/>
        <c:lblOffset val="100"/>
        <c:noMultiLvlLbl val="0"/>
      </c:catAx>
      <c:valAx>
        <c:axId val="1418136111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2"/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18144751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5/8/layout/pList1" loCatId="list" qsTypeId="urn:microsoft.com/office/officeart/2005/8/quickstyle/simple1" qsCatId="simple" csTypeId="urn:microsoft.com/office/officeart/2005/8/colors/accent1_3" csCatId="accent1" phldr="0"/>
      <dgm:spPr/>
      <dgm:t>
        <a:bodyPr/>
        <a:lstStyle/>
        <a:p>
          <a:endParaRPr lang="en-US"/>
        </a:p>
      </dgm:t>
    </dgm:pt>
    <dgm:pt modelId="{183C7A0A-7C3C-469C-8810-BF673F6E224F}">
      <dgm:prSet phldrT="[Text]" phldr="1"/>
      <dgm:spPr/>
      <dgm:t>
        <a:bodyPr/>
        <a:lstStyle/>
        <a:p>
          <a:endParaRPr lang="en-US"/>
        </a:p>
      </dgm:t>
    </dgm:pt>
    <dgm:pt modelId="{936F94E6-CA9C-4E52-AEC5-FC0B37AA7AE6}" type="parTrans" cxnId="{C4060E23-82BC-4090-AF67-FA7D4485EA96}">
      <dgm:prSet/>
      <dgm:spPr/>
      <dgm:t>
        <a:bodyPr/>
        <a:lstStyle/>
        <a:p>
          <a:endParaRPr lang="en-US"/>
        </a:p>
      </dgm:t>
    </dgm:pt>
    <dgm:pt modelId="{9432FED6-0B3E-4606-AC8B-9C650528FFFD}" type="sibTrans" cxnId="{C4060E23-82BC-4090-AF67-FA7D4485EA96}">
      <dgm:prSet/>
      <dgm:spPr/>
      <dgm:t>
        <a:bodyPr/>
        <a:lstStyle/>
        <a:p>
          <a:endParaRPr lang="en-US"/>
        </a:p>
      </dgm:t>
    </dgm:pt>
    <dgm:pt modelId="{0FE1AB3D-BBEF-4CC9-B418-8224C42A9561}">
      <dgm:prSet phldrT="[Text]" phldr="1"/>
      <dgm:spPr/>
      <dgm:t>
        <a:bodyPr/>
        <a:lstStyle/>
        <a:p>
          <a:endParaRPr lang="en-US"/>
        </a:p>
      </dgm:t>
    </dgm:pt>
    <dgm:pt modelId="{9E01C0DF-479C-45DE-A150-F6C386EC6A79}" type="parTrans" cxnId="{8EE5B0F3-9D70-4C13-BE7D-9D683E961BC8}">
      <dgm:prSet/>
      <dgm:spPr/>
      <dgm:t>
        <a:bodyPr/>
        <a:lstStyle/>
        <a:p>
          <a:endParaRPr lang="en-US"/>
        </a:p>
      </dgm:t>
    </dgm:pt>
    <dgm:pt modelId="{BEE527C8-7704-4F64-B706-8CD7948A85B0}" type="sibTrans" cxnId="{8EE5B0F3-9D70-4C13-BE7D-9D683E961BC8}">
      <dgm:prSet/>
      <dgm:spPr/>
      <dgm:t>
        <a:bodyPr/>
        <a:lstStyle/>
        <a:p>
          <a:endParaRPr lang="en-US"/>
        </a:p>
      </dgm:t>
    </dgm:pt>
    <dgm:pt modelId="{7355896E-16D9-463D-83E9-A5A80F48C971}">
      <dgm:prSet phldrT="[Text]" phldr="1"/>
      <dgm:spPr/>
      <dgm:t>
        <a:bodyPr/>
        <a:lstStyle/>
        <a:p>
          <a:endParaRPr lang="en-US"/>
        </a:p>
      </dgm:t>
    </dgm:pt>
    <dgm:pt modelId="{D1AC117A-61E3-4DFD-94FA-DD050B005FE2}" type="parTrans" cxnId="{378B81E0-7344-4CED-A359-9B274FDF2679}">
      <dgm:prSet/>
      <dgm:spPr/>
      <dgm:t>
        <a:bodyPr/>
        <a:lstStyle/>
        <a:p>
          <a:endParaRPr lang="en-US"/>
        </a:p>
      </dgm:t>
    </dgm:pt>
    <dgm:pt modelId="{62F9C50C-F8B4-4431-93F3-E5C82B3AA80C}" type="sibTrans" cxnId="{378B81E0-7344-4CED-A359-9B274FDF2679}">
      <dgm:prSet/>
      <dgm:spPr/>
      <dgm:t>
        <a:bodyPr/>
        <a:lstStyle/>
        <a:p>
          <a:endParaRPr lang="en-US"/>
        </a:p>
      </dgm:t>
    </dgm:pt>
    <dgm:pt modelId="{F19BEE0C-7B58-4FC1-8332-C6D01507F0DB}">
      <dgm:prSet phldrT="[Text]" phldr="1"/>
      <dgm:spPr/>
      <dgm:t>
        <a:bodyPr/>
        <a:lstStyle/>
        <a:p>
          <a:endParaRPr lang="en-US"/>
        </a:p>
      </dgm:t>
    </dgm:pt>
    <dgm:pt modelId="{11019DF5-E933-4511-BAAF-BCE69ADFA98C}" type="parTrans" cxnId="{FEC1B744-C873-4889-8A1E-2E7B87220D6D}">
      <dgm:prSet/>
      <dgm:spPr/>
      <dgm:t>
        <a:bodyPr/>
        <a:lstStyle/>
        <a:p>
          <a:endParaRPr lang="en-US"/>
        </a:p>
      </dgm:t>
    </dgm:pt>
    <dgm:pt modelId="{2B298C7A-8524-49FC-B807-AB295D041182}" type="sibTrans" cxnId="{FEC1B744-C873-4889-8A1E-2E7B87220D6D}">
      <dgm:prSet/>
      <dgm:spPr/>
      <dgm:t>
        <a:bodyPr/>
        <a:lstStyle/>
        <a:p>
          <a:endParaRPr lang="en-US"/>
        </a:p>
      </dgm:t>
    </dgm:pt>
    <dgm:pt modelId="{7089B7ED-2B80-4602-980C-9A04975C0B54}" type="pres">
      <dgm:prSet presAssocID="{CBCC504F-0FAB-487F-876D-E929F8569590}" presName="Name0" presStyleCnt="0">
        <dgm:presLayoutVars>
          <dgm:dir/>
          <dgm:resizeHandles val="exact"/>
        </dgm:presLayoutVars>
      </dgm:prSet>
      <dgm:spPr/>
    </dgm:pt>
    <dgm:pt modelId="{798B522C-85F0-467B-A53C-453CC70CA2CF}" type="pres">
      <dgm:prSet presAssocID="{183C7A0A-7C3C-469C-8810-BF673F6E224F}" presName="compNode" presStyleCnt="0"/>
      <dgm:spPr/>
    </dgm:pt>
    <dgm:pt modelId="{E6C58D02-2877-419F-B58A-E49571EF410C}" type="pres">
      <dgm:prSet presAssocID="{183C7A0A-7C3C-469C-8810-BF673F6E224F}" presName="pictRect" presStyleLbl="node1" presStyleIdx="0" presStyleCnt="4"/>
      <dgm:spPr/>
    </dgm:pt>
    <dgm:pt modelId="{439BCF20-9ED7-4E81-AEDE-0355250E3FBB}" type="pres">
      <dgm:prSet presAssocID="{183C7A0A-7C3C-469C-8810-BF673F6E224F}" presName="textRect" presStyleLbl="revTx" presStyleIdx="0" presStyleCnt="4">
        <dgm:presLayoutVars>
          <dgm:bulletEnabled val="1"/>
        </dgm:presLayoutVars>
      </dgm:prSet>
      <dgm:spPr/>
    </dgm:pt>
    <dgm:pt modelId="{9BDF39AB-5E82-485D-84F4-8F96B6DC3905}" type="pres">
      <dgm:prSet presAssocID="{9432FED6-0B3E-4606-AC8B-9C650528FFFD}" presName="sibTrans" presStyleLbl="sibTrans2D1" presStyleIdx="0" presStyleCnt="0"/>
      <dgm:spPr/>
    </dgm:pt>
    <dgm:pt modelId="{CA991117-C7DD-41B4-A2BF-9DF5B1F4B79B}" type="pres">
      <dgm:prSet presAssocID="{0FE1AB3D-BBEF-4CC9-B418-8224C42A9561}" presName="compNode" presStyleCnt="0"/>
      <dgm:spPr/>
    </dgm:pt>
    <dgm:pt modelId="{71BFD3DE-8ED3-4DA5-807C-70D21163B563}" type="pres">
      <dgm:prSet presAssocID="{0FE1AB3D-BBEF-4CC9-B418-8224C42A9561}" presName="pictRect" presStyleLbl="node1" presStyleIdx="1" presStyleCnt="4"/>
      <dgm:spPr/>
    </dgm:pt>
    <dgm:pt modelId="{14544AF3-6464-4840-B9E8-AF76F136BE37}" type="pres">
      <dgm:prSet presAssocID="{0FE1AB3D-BBEF-4CC9-B418-8224C42A9561}" presName="textRect" presStyleLbl="revTx" presStyleIdx="1" presStyleCnt="4">
        <dgm:presLayoutVars>
          <dgm:bulletEnabled val="1"/>
        </dgm:presLayoutVars>
      </dgm:prSet>
      <dgm:spPr/>
    </dgm:pt>
    <dgm:pt modelId="{594F429F-5CF3-4E7F-B753-3B1705109836}" type="pres">
      <dgm:prSet presAssocID="{BEE527C8-7704-4F64-B706-8CD7948A85B0}" presName="sibTrans" presStyleLbl="sibTrans2D1" presStyleIdx="0" presStyleCnt="0"/>
      <dgm:spPr/>
    </dgm:pt>
    <dgm:pt modelId="{3C6CA7E2-0E99-4971-B56B-A99DDB70E214}" type="pres">
      <dgm:prSet presAssocID="{7355896E-16D9-463D-83E9-A5A80F48C971}" presName="compNode" presStyleCnt="0"/>
      <dgm:spPr/>
    </dgm:pt>
    <dgm:pt modelId="{387D96AD-1321-4178-A5EF-A3023DBFA890}" type="pres">
      <dgm:prSet presAssocID="{7355896E-16D9-463D-83E9-A5A80F48C971}" presName="pictRect" presStyleLbl="node1" presStyleIdx="2" presStyleCnt="4"/>
      <dgm:spPr/>
    </dgm:pt>
    <dgm:pt modelId="{A2681C27-50C0-463F-AD96-7E524E67FCAC}" type="pres">
      <dgm:prSet presAssocID="{7355896E-16D9-463D-83E9-A5A80F48C971}" presName="textRect" presStyleLbl="revTx" presStyleIdx="2" presStyleCnt="4">
        <dgm:presLayoutVars>
          <dgm:bulletEnabled val="1"/>
        </dgm:presLayoutVars>
      </dgm:prSet>
      <dgm:spPr/>
    </dgm:pt>
    <dgm:pt modelId="{C5674E8B-D285-4F0C-9279-8CCE5EB9C9C9}" type="pres">
      <dgm:prSet presAssocID="{62F9C50C-F8B4-4431-93F3-E5C82B3AA80C}" presName="sibTrans" presStyleLbl="sibTrans2D1" presStyleIdx="0" presStyleCnt="0"/>
      <dgm:spPr/>
    </dgm:pt>
    <dgm:pt modelId="{438E29E7-6B8D-49FC-A548-8ABC0537FC85}" type="pres">
      <dgm:prSet presAssocID="{F19BEE0C-7B58-4FC1-8332-C6D01507F0DB}" presName="compNode" presStyleCnt="0"/>
      <dgm:spPr/>
    </dgm:pt>
    <dgm:pt modelId="{14297EB4-7653-4B20-AF2D-CEEA1D94B23F}" type="pres">
      <dgm:prSet presAssocID="{F19BEE0C-7B58-4FC1-8332-C6D01507F0DB}" presName="pictRect" presStyleLbl="node1" presStyleIdx="3" presStyleCnt="4"/>
      <dgm:spPr/>
    </dgm:pt>
    <dgm:pt modelId="{846A24B0-B35A-4D88-A092-A0498E0D87E2}" type="pres">
      <dgm:prSet presAssocID="{F19BEE0C-7B58-4FC1-8332-C6D01507F0DB}" presName="textRect" presStyleLbl="revTx" presStyleIdx="3" presStyleCnt="4">
        <dgm:presLayoutVars>
          <dgm:bulletEnabled val="1"/>
        </dgm:presLayoutVars>
      </dgm:prSet>
      <dgm:spPr/>
    </dgm:pt>
  </dgm:ptLst>
  <dgm:cxnLst>
    <dgm:cxn modelId="{91204107-067E-44B5-8A6F-890215A64F7F}" type="presOf" srcId="{7355896E-16D9-463D-83E9-A5A80F48C971}" destId="{A2681C27-50C0-463F-AD96-7E524E67FCAC}" srcOrd="0" destOrd="0" presId="urn:microsoft.com/office/officeart/2005/8/layout/pList1"/>
    <dgm:cxn modelId="{7C66C516-4862-4C19-95FD-3CA4C40A274E}" type="presOf" srcId="{9432FED6-0B3E-4606-AC8B-9C650528FFFD}" destId="{9BDF39AB-5E82-485D-84F4-8F96B6DC3905}" srcOrd="0" destOrd="0" presId="urn:microsoft.com/office/officeart/2005/8/layout/pList1"/>
    <dgm:cxn modelId="{C4060E23-82BC-4090-AF67-FA7D4485EA96}" srcId="{CBCC504F-0FAB-487F-876D-E929F8569590}" destId="{183C7A0A-7C3C-469C-8810-BF673F6E224F}" srcOrd="0" destOrd="0" parTransId="{936F94E6-CA9C-4E52-AEC5-FC0B37AA7AE6}" sibTransId="{9432FED6-0B3E-4606-AC8B-9C650528FFFD}"/>
    <dgm:cxn modelId="{5F149826-82A7-4F8F-B11B-2F1433570DBD}" type="presOf" srcId="{CBCC504F-0FAB-487F-876D-E929F8569590}" destId="{7089B7ED-2B80-4602-980C-9A04975C0B54}" srcOrd="0" destOrd="0" presId="urn:microsoft.com/office/officeart/2005/8/layout/pList1"/>
    <dgm:cxn modelId="{CC44DF27-B03A-4E63-AB84-27E188D1852B}" type="presOf" srcId="{BEE527C8-7704-4F64-B706-8CD7948A85B0}" destId="{594F429F-5CF3-4E7F-B753-3B1705109836}" srcOrd="0" destOrd="0" presId="urn:microsoft.com/office/officeart/2005/8/layout/pList1"/>
    <dgm:cxn modelId="{FEC1B744-C873-4889-8A1E-2E7B87220D6D}" srcId="{CBCC504F-0FAB-487F-876D-E929F8569590}" destId="{F19BEE0C-7B58-4FC1-8332-C6D01507F0DB}" srcOrd="3" destOrd="0" parTransId="{11019DF5-E933-4511-BAAF-BCE69ADFA98C}" sibTransId="{2B298C7A-8524-49FC-B807-AB295D041182}"/>
    <dgm:cxn modelId="{52C64354-D1C2-4877-8861-16671E0838DC}" type="presOf" srcId="{F19BEE0C-7B58-4FC1-8332-C6D01507F0DB}" destId="{846A24B0-B35A-4D88-A092-A0498E0D87E2}" srcOrd="0" destOrd="0" presId="urn:microsoft.com/office/officeart/2005/8/layout/pList1"/>
    <dgm:cxn modelId="{35C62989-37F2-406A-9BFE-E376CCF9F12F}" type="presOf" srcId="{183C7A0A-7C3C-469C-8810-BF673F6E224F}" destId="{439BCF20-9ED7-4E81-AEDE-0355250E3FBB}" srcOrd="0" destOrd="0" presId="urn:microsoft.com/office/officeart/2005/8/layout/pList1"/>
    <dgm:cxn modelId="{96CA08A9-FD70-495F-884C-6AFACD87DA75}" type="presOf" srcId="{0FE1AB3D-BBEF-4CC9-B418-8224C42A9561}" destId="{14544AF3-6464-4840-B9E8-AF76F136BE37}" srcOrd="0" destOrd="0" presId="urn:microsoft.com/office/officeart/2005/8/layout/pList1"/>
    <dgm:cxn modelId="{378B81E0-7344-4CED-A359-9B274FDF2679}" srcId="{CBCC504F-0FAB-487F-876D-E929F8569590}" destId="{7355896E-16D9-463D-83E9-A5A80F48C971}" srcOrd="2" destOrd="0" parTransId="{D1AC117A-61E3-4DFD-94FA-DD050B005FE2}" sibTransId="{62F9C50C-F8B4-4431-93F3-E5C82B3AA80C}"/>
    <dgm:cxn modelId="{14FBC1E0-FD85-4D88-965C-14220DC5C4DA}" type="presOf" srcId="{62F9C50C-F8B4-4431-93F3-E5C82B3AA80C}" destId="{C5674E8B-D285-4F0C-9279-8CCE5EB9C9C9}" srcOrd="0" destOrd="0" presId="urn:microsoft.com/office/officeart/2005/8/layout/pList1"/>
    <dgm:cxn modelId="{8EE5B0F3-9D70-4C13-BE7D-9D683E961BC8}" srcId="{CBCC504F-0FAB-487F-876D-E929F8569590}" destId="{0FE1AB3D-BBEF-4CC9-B418-8224C42A9561}" srcOrd="1" destOrd="0" parTransId="{9E01C0DF-479C-45DE-A150-F6C386EC6A79}" sibTransId="{BEE527C8-7704-4F64-B706-8CD7948A85B0}"/>
    <dgm:cxn modelId="{F621460E-9962-4347-B174-BF2F81841CC0}" type="presParOf" srcId="{7089B7ED-2B80-4602-980C-9A04975C0B54}" destId="{798B522C-85F0-467B-A53C-453CC70CA2CF}" srcOrd="0" destOrd="0" presId="urn:microsoft.com/office/officeart/2005/8/layout/pList1"/>
    <dgm:cxn modelId="{5EA8146F-5DB7-4CA5-971D-15F787253C7C}" type="presParOf" srcId="{798B522C-85F0-467B-A53C-453CC70CA2CF}" destId="{E6C58D02-2877-419F-B58A-E49571EF410C}" srcOrd="0" destOrd="0" presId="urn:microsoft.com/office/officeart/2005/8/layout/pList1"/>
    <dgm:cxn modelId="{9BD398FB-8527-4F5D-9A7E-1B8C9E1A9238}" type="presParOf" srcId="{798B522C-85F0-467B-A53C-453CC70CA2CF}" destId="{439BCF20-9ED7-4E81-AEDE-0355250E3FBB}" srcOrd="1" destOrd="0" presId="urn:microsoft.com/office/officeart/2005/8/layout/pList1"/>
    <dgm:cxn modelId="{A7C0E3FE-F239-4173-B713-2B0F570376CD}" type="presParOf" srcId="{7089B7ED-2B80-4602-980C-9A04975C0B54}" destId="{9BDF39AB-5E82-485D-84F4-8F96B6DC3905}" srcOrd="1" destOrd="0" presId="urn:microsoft.com/office/officeart/2005/8/layout/pList1"/>
    <dgm:cxn modelId="{8E674AE6-D64E-45B0-B457-136BD813F14C}" type="presParOf" srcId="{7089B7ED-2B80-4602-980C-9A04975C0B54}" destId="{CA991117-C7DD-41B4-A2BF-9DF5B1F4B79B}" srcOrd="2" destOrd="0" presId="urn:microsoft.com/office/officeart/2005/8/layout/pList1"/>
    <dgm:cxn modelId="{2984B2FB-9FCB-4DF7-A7F0-FFA00E07D3B3}" type="presParOf" srcId="{CA991117-C7DD-41B4-A2BF-9DF5B1F4B79B}" destId="{71BFD3DE-8ED3-4DA5-807C-70D21163B563}" srcOrd="0" destOrd="0" presId="urn:microsoft.com/office/officeart/2005/8/layout/pList1"/>
    <dgm:cxn modelId="{4A46C9A2-1358-4308-BE81-D8EAD549EAAD}" type="presParOf" srcId="{CA991117-C7DD-41B4-A2BF-9DF5B1F4B79B}" destId="{14544AF3-6464-4840-B9E8-AF76F136BE37}" srcOrd="1" destOrd="0" presId="urn:microsoft.com/office/officeart/2005/8/layout/pList1"/>
    <dgm:cxn modelId="{CAC85F73-B6F4-435F-9F0B-F7E5A58DB66F}" type="presParOf" srcId="{7089B7ED-2B80-4602-980C-9A04975C0B54}" destId="{594F429F-5CF3-4E7F-B753-3B1705109836}" srcOrd="3" destOrd="0" presId="urn:microsoft.com/office/officeart/2005/8/layout/pList1"/>
    <dgm:cxn modelId="{BD63BC84-666E-4CE3-9C55-5CFA5CB3F1F8}" type="presParOf" srcId="{7089B7ED-2B80-4602-980C-9A04975C0B54}" destId="{3C6CA7E2-0E99-4971-B56B-A99DDB70E214}" srcOrd="4" destOrd="0" presId="urn:microsoft.com/office/officeart/2005/8/layout/pList1"/>
    <dgm:cxn modelId="{35861EBF-F26F-498B-B2A5-DFD9EE9714EF}" type="presParOf" srcId="{3C6CA7E2-0E99-4971-B56B-A99DDB70E214}" destId="{387D96AD-1321-4178-A5EF-A3023DBFA890}" srcOrd="0" destOrd="0" presId="urn:microsoft.com/office/officeart/2005/8/layout/pList1"/>
    <dgm:cxn modelId="{DA0F4F6F-FFD8-49CF-82BB-EA4CD5957960}" type="presParOf" srcId="{3C6CA7E2-0E99-4971-B56B-A99DDB70E214}" destId="{A2681C27-50C0-463F-AD96-7E524E67FCAC}" srcOrd="1" destOrd="0" presId="urn:microsoft.com/office/officeart/2005/8/layout/pList1"/>
    <dgm:cxn modelId="{ED7BE083-33AA-4026-B0F2-A34EFE53C15B}" type="presParOf" srcId="{7089B7ED-2B80-4602-980C-9A04975C0B54}" destId="{C5674E8B-D285-4F0C-9279-8CCE5EB9C9C9}" srcOrd="5" destOrd="0" presId="urn:microsoft.com/office/officeart/2005/8/layout/pList1"/>
    <dgm:cxn modelId="{82182342-5A46-4604-AD8F-A31E0FC8A10D}" type="presParOf" srcId="{7089B7ED-2B80-4602-980C-9A04975C0B54}" destId="{438E29E7-6B8D-49FC-A548-8ABC0537FC85}" srcOrd="6" destOrd="0" presId="urn:microsoft.com/office/officeart/2005/8/layout/pList1"/>
    <dgm:cxn modelId="{7C255457-01D7-4627-9833-9D734BC18A03}" type="presParOf" srcId="{438E29E7-6B8D-49FC-A548-8ABC0537FC85}" destId="{14297EB4-7653-4B20-AF2D-CEEA1D94B23F}" srcOrd="0" destOrd="0" presId="urn:microsoft.com/office/officeart/2005/8/layout/pList1"/>
    <dgm:cxn modelId="{9D7CC428-1D3E-4337-8AF8-2EBE6279710B}" type="presParOf" srcId="{438E29E7-6B8D-49FC-A548-8ABC0537FC85}" destId="{846A24B0-B35A-4D88-A092-A0498E0D87E2}" srcOrd="1" destOrd="0" presId="urn:microsoft.com/office/officeart/2005/8/layout/p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5/8/layout/pList1" loCatId="list" qsTypeId="urn:microsoft.com/office/officeart/2005/8/quickstyle/simple1" qsCatId="simple" csTypeId="urn:microsoft.com/office/officeart/2005/8/colors/accent1_3" csCatId="accent1" phldr="0"/>
      <dgm:spPr/>
      <dgm:t>
        <a:bodyPr/>
        <a:lstStyle/>
        <a:p>
          <a:endParaRPr lang="en-US"/>
        </a:p>
      </dgm:t>
    </dgm:pt>
    <dgm:pt modelId="{183C7A0A-7C3C-469C-8810-BF673F6E224F}">
      <dgm:prSet phldrT="[Text]" phldr="1"/>
      <dgm:spPr/>
      <dgm:t>
        <a:bodyPr/>
        <a:lstStyle/>
        <a:p>
          <a:endParaRPr lang="en-US"/>
        </a:p>
      </dgm:t>
    </dgm:pt>
    <dgm:pt modelId="{936F94E6-CA9C-4E52-AEC5-FC0B37AA7AE6}" type="parTrans" cxnId="{C4060E23-82BC-4090-AF67-FA7D4485EA96}">
      <dgm:prSet/>
      <dgm:spPr/>
      <dgm:t>
        <a:bodyPr/>
        <a:lstStyle/>
        <a:p>
          <a:endParaRPr lang="en-US"/>
        </a:p>
      </dgm:t>
    </dgm:pt>
    <dgm:pt modelId="{9432FED6-0B3E-4606-AC8B-9C650528FFFD}" type="sibTrans" cxnId="{C4060E23-82BC-4090-AF67-FA7D4485EA96}">
      <dgm:prSet/>
      <dgm:spPr/>
      <dgm:t>
        <a:bodyPr/>
        <a:lstStyle/>
        <a:p>
          <a:endParaRPr lang="en-US"/>
        </a:p>
      </dgm:t>
    </dgm:pt>
    <dgm:pt modelId="{0FE1AB3D-BBEF-4CC9-B418-8224C42A9561}">
      <dgm:prSet phldrT="[Text]" phldr="1"/>
      <dgm:spPr/>
      <dgm:t>
        <a:bodyPr/>
        <a:lstStyle/>
        <a:p>
          <a:endParaRPr lang="en-US"/>
        </a:p>
      </dgm:t>
    </dgm:pt>
    <dgm:pt modelId="{9E01C0DF-479C-45DE-A150-F6C386EC6A79}" type="parTrans" cxnId="{8EE5B0F3-9D70-4C13-BE7D-9D683E961BC8}">
      <dgm:prSet/>
      <dgm:spPr/>
      <dgm:t>
        <a:bodyPr/>
        <a:lstStyle/>
        <a:p>
          <a:endParaRPr lang="en-US"/>
        </a:p>
      </dgm:t>
    </dgm:pt>
    <dgm:pt modelId="{BEE527C8-7704-4F64-B706-8CD7948A85B0}" type="sibTrans" cxnId="{8EE5B0F3-9D70-4C13-BE7D-9D683E961BC8}">
      <dgm:prSet/>
      <dgm:spPr/>
      <dgm:t>
        <a:bodyPr/>
        <a:lstStyle/>
        <a:p>
          <a:endParaRPr lang="en-US"/>
        </a:p>
      </dgm:t>
    </dgm:pt>
    <dgm:pt modelId="{7355896E-16D9-463D-83E9-A5A80F48C971}">
      <dgm:prSet phldrT="[Text]" phldr="1"/>
      <dgm:spPr/>
      <dgm:t>
        <a:bodyPr/>
        <a:lstStyle/>
        <a:p>
          <a:endParaRPr lang="en-US"/>
        </a:p>
      </dgm:t>
    </dgm:pt>
    <dgm:pt modelId="{D1AC117A-61E3-4DFD-94FA-DD050B005FE2}" type="parTrans" cxnId="{378B81E0-7344-4CED-A359-9B274FDF2679}">
      <dgm:prSet/>
      <dgm:spPr/>
      <dgm:t>
        <a:bodyPr/>
        <a:lstStyle/>
        <a:p>
          <a:endParaRPr lang="en-US"/>
        </a:p>
      </dgm:t>
    </dgm:pt>
    <dgm:pt modelId="{62F9C50C-F8B4-4431-93F3-E5C82B3AA80C}" type="sibTrans" cxnId="{378B81E0-7344-4CED-A359-9B274FDF2679}">
      <dgm:prSet/>
      <dgm:spPr/>
      <dgm:t>
        <a:bodyPr/>
        <a:lstStyle/>
        <a:p>
          <a:endParaRPr lang="en-US"/>
        </a:p>
      </dgm:t>
    </dgm:pt>
    <dgm:pt modelId="{F19BEE0C-7B58-4FC1-8332-C6D01507F0DB}">
      <dgm:prSet phldrT="[Text]" phldr="1"/>
      <dgm:spPr/>
      <dgm:t>
        <a:bodyPr/>
        <a:lstStyle/>
        <a:p>
          <a:endParaRPr lang="en-US"/>
        </a:p>
      </dgm:t>
    </dgm:pt>
    <dgm:pt modelId="{11019DF5-E933-4511-BAAF-BCE69ADFA98C}" type="parTrans" cxnId="{FEC1B744-C873-4889-8A1E-2E7B87220D6D}">
      <dgm:prSet/>
      <dgm:spPr/>
      <dgm:t>
        <a:bodyPr/>
        <a:lstStyle/>
        <a:p>
          <a:endParaRPr lang="en-US"/>
        </a:p>
      </dgm:t>
    </dgm:pt>
    <dgm:pt modelId="{2B298C7A-8524-49FC-B807-AB295D041182}" type="sibTrans" cxnId="{FEC1B744-C873-4889-8A1E-2E7B87220D6D}">
      <dgm:prSet/>
      <dgm:spPr/>
      <dgm:t>
        <a:bodyPr/>
        <a:lstStyle/>
        <a:p>
          <a:endParaRPr lang="en-US"/>
        </a:p>
      </dgm:t>
    </dgm:pt>
    <dgm:pt modelId="{7089B7ED-2B80-4602-980C-9A04975C0B54}" type="pres">
      <dgm:prSet presAssocID="{CBCC504F-0FAB-487F-876D-E929F8569590}" presName="Name0" presStyleCnt="0">
        <dgm:presLayoutVars>
          <dgm:dir/>
          <dgm:resizeHandles val="exact"/>
        </dgm:presLayoutVars>
      </dgm:prSet>
      <dgm:spPr/>
    </dgm:pt>
    <dgm:pt modelId="{798B522C-85F0-467B-A53C-453CC70CA2CF}" type="pres">
      <dgm:prSet presAssocID="{183C7A0A-7C3C-469C-8810-BF673F6E224F}" presName="compNode" presStyleCnt="0"/>
      <dgm:spPr/>
    </dgm:pt>
    <dgm:pt modelId="{E6C58D02-2877-419F-B58A-E49571EF410C}" type="pres">
      <dgm:prSet presAssocID="{183C7A0A-7C3C-469C-8810-BF673F6E224F}" presName="pictRect" presStyleLbl="node1" presStyleIdx="0" presStyleCnt="4"/>
      <dgm:spPr/>
    </dgm:pt>
    <dgm:pt modelId="{439BCF20-9ED7-4E81-AEDE-0355250E3FBB}" type="pres">
      <dgm:prSet presAssocID="{183C7A0A-7C3C-469C-8810-BF673F6E224F}" presName="textRect" presStyleLbl="revTx" presStyleIdx="0" presStyleCnt="4">
        <dgm:presLayoutVars>
          <dgm:bulletEnabled val="1"/>
        </dgm:presLayoutVars>
      </dgm:prSet>
      <dgm:spPr/>
    </dgm:pt>
    <dgm:pt modelId="{9BDF39AB-5E82-485D-84F4-8F96B6DC3905}" type="pres">
      <dgm:prSet presAssocID="{9432FED6-0B3E-4606-AC8B-9C650528FFFD}" presName="sibTrans" presStyleLbl="sibTrans2D1" presStyleIdx="0" presStyleCnt="0"/>
      <dgm:spPr/>
    </dgm:pt>
    <dgm:pt modelId="{CA991117-C7DD-41B4-A2BF-9DF5B1F4B79B}" type="pres">
      <dgm:prSet presAssocID="{0FE1AB3D-BBEF-4CC9-B418-8224C42A9561}" presName="compNode" presStyleCnt="0"/>
      <dgm:spPr/>
    </dgm:pt>
    <dgm:pt modelId="{71BFD3DE-8ED3-4DA5-807C-70D21163B563}" type="pres">
      <dgm:prSet presAssocID="{0FE1AB3D-BBEF-4CC9-B418-8224C42A9561}" presName="pictRect" presStyleLbl="node1" presStyleIdx="1" presStyleCnt="4"/>
      <dgm:spPr/>
    </dgm:pt>
    <dgm:pt modelId="{14544AF3-6464-4840-B9E8-AF76F136BE37}" type="pres">
      <dgm:prSet presAssocID="{0FE1AB3D-BBEF-4CC9-B418-8224C42A9561}" presName="textRect" presStyleLbl="revTx" presStyleIdx="1" presStyleCnt="4">
        <dgm:presLayoutVars>
          <dgm:bulletEnabled val="1"/>
        </dgm:presLayoutVars>
      </dgm:prSet>
      <dgm:spPr/>
    </dgm:pt>
    <dgm:pt modelId="{594F429F-5CF3-4E7F-B753-3B1705109836}" type="pres">
      <dgm:prSet presAssocID="{BEE527C8-7704-4F64-B706-8CD7948A85B0}" presName="sibTrans" presStyleLbl="sibTrans2D1" presStyleIdx="0" presStyleCnt="0"/>
      <dgm:spPr/>
    </dgm:pt>
    <dgm:pt modelId="{3C6CA7E2-0E99-4971-B56B-A99DDB70E214}" type="pres">
      <dgm:prSet presAssocID="{7355896E-16D9-463D-83E9-A5A80F48C971}" presName="compNode" presStyleCnt="0"/>
      <dgm:spPr/>
    </dgm:pt>
    <dgm:pt modelId="{387D96AD-1321-4178-A5EF-A3023DBFA890}" type="pres">
      <dgm:prSet presAssocID="{7355896E-16D9-463D-83E9-A5A80F48C971}" presName="pictRect" presStyleLbl="node1" presStyleIdx="2" presStyleCnt="4"/>
      <dgm:spPr/>
    </dgm:pt>
    <dgm:pt modelId="{A2681C27-50C0-463F-AD96-7E524E67FCAC}" type="pres">
      <dgm:prSet presAssocID="{7355896E-16D9-463D-83E9-A5A80F48C971}" presName="textRect" presStyleLbl="revTx" presStyleIdx="2" presStyleCnt="4">
        <dgm:presLayoutVars>
          <dgm:bulletEnabled val="1"/>
        </dgm:presLayoutVars>
      </dgm:prSet>
      <dgm:spPr/>
    </dgm:pt>
    <dgm:pt modelId="{C5674E8B-D285-4F0C-9279-8CCE5EB9C9C9}" type="pres">
      <dgm:prSet presAssocID="{62F9C50C-F8B4-4431-93F3-E5C82B3AA80C}" presName="sibTrans" presStyleLbl="sibTrans2D1" presStyleIdx="0" presStyleCnt="0"/>
      <dgm:spPr/>
    </dgm:pt>
    <dgm:pt modelId="{438E29E7-6B8D-49FC-A548-8ABC0537FC85}" type="pres">
      <dgm:prSet presAssocID="{F19BEE0C-7B58-4FC1-8332-C6D01507F0DB}" presName="compNode" presStyleCnt="0"/>
      <dgm:spPr/>
    </dgm:pt>
    <dgm:pt modelId="{14297EB4-7653-4B20-AF2D-CEEA1D94B23F}" type="pres">
      <dgm:prSet presAssocID="{F19BEE0C-7B58-4FC1-8332-C6D01507F0DB}" presName="pictRect" presStyleLbl="node1" presStyleIdx="3" presStyleCnt="4"/>
      <dgm:spPr/>
    </dgm:pt>
    <dgm:pt modelId="{846A24B0-B35A-4D88-A092-A0498E0D87E2}" type="pres">
      <dgm:prSet presAssocID="{F19BEE0C-7B58-4FC1-8332-C6D01507F0DB}" presName="textRect" presStyleLbl="revTx" presStyleIdx="3" presStyleCnt="4">
        <dgm:presLayoutVars>
          <dgm:bulletEnabled val="1"/>
        </dgm:presLayoutVars>
      </dgm:prSet>
      <dgm:spPr/>
    </dgm:pt>
  </dgm:ptLst>
  <dgm:cxnLst>
    <dgm:cxn modelId="{91204107-067E-44B5-8A6F-890215A64F7F}" type="presOf" srcId="{7355896E-16D9-463D-83E9-A5A80F48C971}" destId="{A2681C27-50C0-463F-AD96-7E524E67FCAC}" srcOrd="0" destOrd="0" presId="urn:microsoft.com/office/officeart/2005/8/layout/pList1"/>
    <dgm:cxn modelId="{7C66C516-4862-4C19-95FD-3CA4C40A274E}" type="presOf" srcId="{9432FED6-0B3E-4606-AC8B-9C650528FFFD}" destId="{9BDF39AB-5E82-485D-84F4-8F96B6DC3905}" srcOrd="0" destOrd="0" presId="urn:microsoft.com/office/officeart/2005/8/layout/pList1"/>
    <dgm:cxn modelId="{C4060E23-82BC-4090-AF67-FA7D4485EA96}" srcId="{CBCC504F-0FAB-487F-876D-E929F8569590}" destId="{183C7A0A-7C3C-469C-8810-BF673F6E224F}" srcOrd="0" destOrd="0" parTransId="{936F94E6-CA9C-4E52-AEC5-FC0B37AA7AE6}" sibTransId="{9432FED6-0B3E-4606-AC8B-9C650528FFFD}"/>
    <dgm:cxn modelId="{5F149826-82A7-4F8F-B11B-2F1433570DBD}" type="presOf" srcId="{CBCC504F-0FAB-487F-876D-E929F8569590}" destId="{7089B7ED-2B80-4602-980C-9A04975C0B54}" srcOrd="0" destOrd="0" presId="urn:microsoft.com/office/officeart/2005/8/layout/pList1"/>
    <dgm:cxn modelId="{CC44DF27-B03A-4E63-AB84-27E188D1852B}" type="presOf" srcId="{BEE527C8-7704-4F64-B706-8CD7948A85B0}" destId="{594F429F-5CF3-4E7F-B753-3B1705109836}" srcOrd="0" destOrd="0" presId="urn:microsoft.com/office/officeart/2005/8/layout/pList1"/>
    <dgm:cxn modelId="{FEC1B744-C873-4889-8A1E-2E7B87220D6D}" srcId="{CBCC504F-0FAB-487F-876D-E929F8569590}" destId="{F19BEE0C-7B58-4FC1-8332-C6D01507F0DB}" srcOrd="3" destOrd="0" parTransId="{11019DF5-E933-4511-BAAF-BCE69ADFA98C}" sibTransId="{2B298C7A-8524-49FC-B807-AB295D041182}"/>
    <dgm:cxn modelId="{52C64354-D1C2-4877-8861-16671E0838DC}" type="presOf" srcId="{F19BEE0C-7B58-4FC1-8332-C6D01507F0DB}" destId="{846A24B0-B35A-4D88-A092-A0498E0D87E2}" srcOrd="0" destOrd="0" presId="urn:microsoft.com/office/officeart/2005/8/layout/pList1"/>
    <dgm:cxn modelId="{35C62989-37F2-406A-9BFE-E376CCF9F12F}" type="presOf" srcId="{183C7A0A-7C3C-469C-8810-BF673F6E224F}" destId="{439BCF20-9ED7-4E81-AEDE-0355250E3FBB}" srcOrd="0" destOrd="0" presId="urn:microsoft.com/office/officeart/2005/8/layout/pList1"/>
    <dgm:cxn modelId="{96CA08A9-FD70-495F-884C-6AFACD87DA75}" type="presOf" srcId="{0FE1AB3D-BBEF-4CC9-B418-8224C42A9561}" destId="{14544AF3-6464-4840-B9E8-AF76F136BE37}" srcOrd="0" destOrd="0" presId="urn:microsoft.com/office/officeart/2005/8/layout/pList1"/>
    <dgm:cxn modelId="{378B81E0-7344-4CED-A359-9B274FDF2679}" srcId="{CBCC504F-0FAB-487F-876D-E929F8569590}" destId="{7355896E-16D9-463D-83E9-A5A80F48C971}" srcOrd="2" destOrd="0" parTransId="{D1AC117A-61E3-4DFD-94FA-DD050B005FE2}" sibTransId="{62F9C50C-F8B4-4431-93F3-E5C82B3AA80C}"/>
    <dgm:cxn modelId="{14FBC1E0-FD85-4D88-965C-14220DC5C4DA}" type="presOf" srcId="{62F9C50C-F8B4-4431-93F3-E5C82B3AA80C}" destId="{C5674E8B-D285-4F0C-9279-8CCE5EB9C9C9}" srcOrd="0" destOrd="0" presId="urn:microsoft.com/office/officeart/2005/8/layout/pList1"/>
    <dgm:cxn modelId="{8EE5B0F3-9D70-4C13-BE7D-9D683E961BC8}" srcId="{CBCC504F-0FAB-487F-876D-E929F8569590}" destId="{0FE1AB3D-BBEF-4CC9-B418-8224C42A9561}" srcOrd="1" destOrd="0" parTransId="{9E01C0DF-479C-45DE-A150-F6C386EC6A79}" sibTransId="{BEE527C8-7704-4F64-B706-8CD7948A85B0}"/>
    <dgm:cxn modelId="{F621460E-9962-4347-B174-BF2F81841CC0}" type="presParOf" srcId="{7089B7ED-2B80-4602-980C-9A04975C0B54}" destId="{798B522C-85F0-467B-A53C-453CC70CA2CF}" srcOrd="0" destOrd="0" presId="urn:microsoft.com/office/officeart/2005/8/layout/pList1"/>
    <dgm:cxn modelId="{5EA8146F-5DB7-4CA5-971D-15F787253C7C}" type="presParOf" srcId="{798B522C-85F0-467B-A53C-453CC70CA2CF}" destId="{E6C58D02-2877-419F-B58A-E49571EF410C}" srcOrd="0" destOrd="0" presId="urn:microsoft.com/office/officeart/2005/8/layout/pList1"/>
    <dgm:cxn modelId="{9BD398FB-8527-4F5D-9A7E-1B8C9E1A9238}" type="presParOf" srcId="{798B522C-85F0-467B-A53C-453CC70CA2CF}" destId="{439BCF20-9ED7-4E81-AEDE-0355250E3FBB}" srcOrd="1" destOrd="0" presId="urn:microsoft.com/office/officeart/2005/8/layout/pList1"/>
    <dgm:cxn modelId="{A7C0E3FE-F239-4173-B713-2B0F570376CD}" type="presParOf" srcId="{7089B7ED-2B80-4602-980C-9A04975C0B54}" destId="{9BDF39AB-5E82-485D-84F4-8F96B6DC3905}" srcOrd="1" destOrd="0" presId="urn:microsoft.com/office/officeart/2005/8/layout/pList1"/>
    <dgm:cxn modelId="{8E674AE6-D64E-45B0-B457-136BD813F14C}" type="presParOf" srcId="{7089B7ED-2B80-4602-980C-9A04975C0B54}" destId="{CA991117-C7DD-41B4-A2BF-9DF5B1F4B79B}" srcOrd="2" destOrd="0" presId="urn:microsoft.com/office/officeart/2005/8/layout/pList1"/>
    <dgm:cxn modelId="{2984B2FB-9FCB-4DF7-A7F0-FFA00E07D3B3}" type="presParOf" srcId="{CA991117-C7DD-41B4-A2BF-9DF5B1F4B79B}" destId="{71BFD3DE-8ED3-4DA5-807C-70D21163B563}" srcOrd="0" destOrd="0" presId="urn:microsoft.com/office/officeart/2005/8/layout/pList1"/>
    <dgm:cxn modelId="{4A46C9A2-1358-4308-BE81-D8EAD549EAAD}" type="presParOf" srcId="{CA991117-C7DD-41B4-A2BF-9DF5B1F4B79B}" destId="{14544AF3-6464-4840-B9E8-AF76F136BE37}" srcOrd="1" destOrd="0" presId="urn:microsoft.com/office/officeart/2005/8/layout/pList1"/>
    <dgm:cxn modelId="{CAC85F73-B6F4-435F-9F0B-F7E5A58DB66F}" type="presParOf" srcId="{7089B7ED-2B80-4602-980C-9A04975C0B54}" destId="{594F429F-5CF3-4E7F-B753-3B1705109836}" srcOrd="3" destOrd="0" presId="urn:microsoft.com/office/officeart/2005/8/layout/pList1"/>
    <dgm:cxn modelId="{BD63BC84-666E-4CE3-9C55-5CFA5CB3F1F8}" type="presParOf" srcId="{7089B7ED-2B80-4602-980C-9A04975C0B54}" destId="{3C6CA7E2-0E99-4971-B56B-A99DDB70E214}" srcOrd="4" destOrd="0" presId="urn:microsoft.com/office/officeart/2005/8/layout/pList1"/>
    <dgm:cxn modelId="{35861EBF-F26F-498B-B2A5-DFD9EE9714EF}" type="presParOf" srcId="{3C6CA7E2-0E99-4971-B56B-A99DDB70E214}" destId="{387D96AD-1321-4178-A5EF-A3023DBFA890}" srcOrd="0" destOrd="0" presId="urn:microsoft.com/office/officeart/2005/8/layout/pList1"/>
    <dgm:cxn modelId="{DA0F4F6F-FFD8-49CF-82BB-EA4CD5957960}" type="presParOf" srcId="{3C6CA7E2-0E99-4971-B56B-A99DDB70E214}" destId="{A2681C27-50C0-463F-AD96-7E524E67FCAC}" srcOrd="1" destOrd="0" presId="urn:microsoft.com/office/officeart/2005/8/layout/pList1"/>
    <dgm:cxn modelId="{ED7BE083-33AA-4026-B0F2-A34EFE53C15B}" type="presParOf" srcId="{7089B7ED-2B80-4602-980C-9A04975C0B54}" destId="{C5674E8B-D285-4F0C-9279-8CCE5EB9C9C9}" srcOrd="5" destOrd="0" presId="urn:microsoft.com/office/officeart/2005/8/layout/pList1"/>
    <dgm:cxn modelId="{82182342-5A46-4604-AD8F-A31E0FC8A10D}" type="presParOf" srcId="{7089B7ED-2B80-4602-980C-9A04975C0B54}" destId="{438E29E7-6B8D-49FC-A548-8ABC0537FC85}" srcOrd="6" destOrd="0" presId="urn:microsoft.com/office/officeart/2005/8/layout/pList1"/>
    <dgm:cxn modelId="{7C255457-01D7-4627-9833-9D734BC18A03}" type="presParOf" srcId="{438E29E7-6B8D-49FC-A548-8ABC0537FC85}" destId="{14297EB4-7653-4B20-AF2D-CEEA1D94B23F}" srcOrd="0" destOrd="0" presId="urn:microsoft.com/office/officeart/2005/8/layout/pList1"/>
    <dgm:cxn modelId="{9D7CC428-1D3E-4337-8AF8-2EBE6279710B}" type="presParOf" srcId="{438E29E7-6B8D-49FC-A548-8ABC0537FC85}" destId="{846A24B0-B35A-4D88-A092-A0498E0D87E2}" srcOrd="1" destOrd="0" presId="urn:microsoft.com/office/officeart/2005/8/layout/pLis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5/8/layout/pList1" loCatId="list" qsTypeId="urn:microsoft.com/office/officeart/2005/8/quickstyle/simple1" qsCatId="simple" csTypeId="urn:microsoft.com/office/officeart/2005/8/colors/accent1_3" csCatId="accent1" phldr="0"/>
      <dgm:spPr/>
      <dgm:t>
        <a:bodyPr/>
        <a:lstStyle/>
        <a:p>
          <a:endParaRPr lang="en-US"/>
        </a:p>
      </dgm:t>
    </dgm:pt>
    <dgm:pt modelId="{183C7A0A-7C3C-469C-8810-BF673F6E224F}">
      <dgm:prSet phldrT="[Text]" phldr="1"/>
      <dgm:spPr/>
      <dgm:t>
        <a:bodyPr/>
        <a:lstStyle/>
        <a:p>
          <a:endParaRPr lang="en-US"/>
        </a:p>
      </dgm:t>
    </dgm:pt>
    <dgm:pt modelId="{936F94E6-CA9C-4E52-AEC5-FC0B37AA7AE6}" type="parTrans" cxnId="{C4060E23-82BC-4090-AF67-FA7D4485EA96}">
      <dgm:prSet/>
      <dgm:spPr/>
      <dgm:t>
        <a:bodyPr/>
        <a:lstStyle/>
        <a:p>
          <a:endParaRPr lang="en-US"/>
        </a:p>
      </dgm:t>
    </dgm:pt>
    <dgm:pt modelId="{9432FED6-0B3E-4606-AC8B-9C650528FFFD}" type="sibTrans" cxnId="{C4060E23-82BC-4090-AF67-FA7D4485EA96}">
      <dgm:prSet/>
      <dgm:spPr/>
      <dgm:t>
        <a:bodyPr/>
        <a:lstStyle/>
        <a:p>
          <a:endParaRPr lang="en-US"/>
        </a:p>
      </dgm:t>
    </dgm:pt>
    <dgm:pt modelId="{0FE1AB3D-BBEF-4CC9-B418-8224C42A9561}">
      <dgm:prSet phldrT="[Text]" phldr="1"/>
      <dgm:spPr/>
      <dgm:t>
        <a:bodyPr/>
        <a:lstStyle/>
        <a:p>
          <a:endParaRPr lang="en-US"/>
        </a:p>
      </dgm:t>
    </dgm:pt>
    <dgm:pt modelId="{9E01C0DF-479C-45DE-A150-F6C386EC6A79}" type="parTrans" cxnId="{8EE5B0F3-9D70-4C13-BE7D-9D683E961BC8}">
      <dgm:prSet/>
      <dgm:spPr/>
      <dgm:t>
        <a:bodyPr/>
        <a:lstStyle/>
        <a:p>
          <a:endParaRPr lang="en-US"/>
        </a:p>
      </dgm:t>
    </dgm:pt>
    <dgm:pt modelId="{BEE527C8-7704-4F64-B706-8CD7948A85B0}" type="sibTrans" cxnId="{8EE5B0F3-9D70-4C13-BE7D-9D683E961BC8}">
      <dgm:prSet/>
      <dgm:spPr/>
      <dgm:t>
        <a:bodyPr/>
        <a:lstStyle/>
        <a:p>
          <a:endParaRPr lang="en-US"/>
        </a:p>
      </dgm:t>
    </dgm:pt>
    <dgm:pt modelId="{7355896E-16D9-463D-83E9-A5A80F48C971}">
      <dgm:prSet phldrT="[Text]" phldr="1"/>
      <dgm:spPr/>
      <dgm:t>
        <a:bodyPr/>
        <a:lstStyle/>
        <a:p>
          <a:endParaRPr lang="en-US"/>
        </a:p>
      </dgm:t>
    </dgm:pt>
    <dgm:pt modelId="{D1AC117A-61E3-4DFD-94FA-DD050B005FE2}" type="parTrans" cxnId="{378B81E0-7344-4CED-A359-9B274FDF2679}">
      <dgm:prSet/>
      <dgm:spPr/>
      <dgm:t>
        <a:bodyPr/>
        <a:lstStyle/>
        <a:p>
          <a:endParaRPr lang="en-US"/>
        </a:p>
      </dgm:t>
    </dgm:pt>
    <dgm:pt modelId="{62F9C50C-F8B4-4431-93F3-E5C82B3AA80C}" type="sibTrans" cxnId="{378B81E0-7344-4CED-A359-9B274FDF2679}">
      <dgm:prSet/>
      <dgm:spPr/>
      <dgm:t>
        <a:bodyPr/>
        <a:lstStyle/>
        <a:p>
          <a:endParaRPr lang="en-US"/>
        </a:p>
      </dgm:t>
    </dgm:pt>
    <dgm:pt modelId="{F19BEE0C-7B58-4FC1-8332-C6D01507F0DB}">
      <dgm:prSet phldrT="[Text]" phldr="1"/>
      <dgm:spPr/>
      <dgm:t>
        <a:bodyPr/>
        <a:lstStyle/>
        <a:p>
          <a:endParaRPr lang="en-US"/>
        </a:p>
      </dgm:t>
    </dgm:pt>
    <dgm:pt modelId="{11019DF5-E933-4511-BAAF-BCE69ADFA98C}" type="parTrans" cxnId="{FEC1B744-C873-4889-8A1E-2E7B87220D6D}">
      <dgm:prSet/>
      <dgm:spPr/>
      <dgm:t>
        <a:bodyPr/>
        <a:lstStyle/>
        <a:p>
          <a:endParaRPr lang="en-US"/>
        </a:p>
      </dgm:t>
    </dgm:pt>
    <dgm:pt modelId="{2B298C7A-8524-49FC-B807-AB295D041182}" type="sibTrans" cxnId="{FEC1B744-C873-4889-8A1E-2E7B87220D6D}">
      <dgm:prSet/>
      <dgm:spPr/>
      <dgm:t>
        <a:bodyPr/>
        <a:lstStyle/>
        <a:p>
          <a:endParaRPr lang="en-US"/>
        </a:p>
      </dgm:t>
    </dgm:pt>
    <dgm:pt modelId="{7089B7ED-2B80-4602-980C-9A04975C0B54}" type="pres">
      <dgm:prSet presAssocID="{CBCC504F-0FAB-487F-876D-E929F8569590}" presName="Name0" presStyleCnt="0">
        <dgm:presLayoutVars>
          <dgm:dir/>
          <dgm:resizeHandles val="exact"/>
        </dgm:presLayoutVars>
      </dgm:prSet>
      <dgm:spPr/>
    </dgm:pt>
    <dgm:pt modelId="{798B522C-85F0-467B-A53C-453CC70CA2CF}" type="pres">
      <dgm:prSet presAssocID="{183C7A0A-7C3C-469C-8810-BF673F6E224F}" presName="compNode" presStyleCnt="0"/>
      <dgm:spPr/>
    </dgm:pt>
    <dgm:pt modelId="{E6C58D02-2877-419F-B58A-E49571EF410C}" type="pres">
      <dgm:prSet presAssocID="{183C7A0A-7C3C-469C-8810-BF673F6E224F}" presName="pictRect" presStyleLbl="node1" presStyleIdx="0" presStyleCnt="4"/>
      <dgm:spPr/>
    </dgm:pt>
    <dgm:pt modelId="{439BCF20-9ED7-4E81-AEDE-0355250E3FBB}" type="pres">
      <dgm:prSet presAssocID="{183C7A0A-7C3C-469C-8810-BF673F6E224F}" presName="textRect" presStyleLbl="revTx" presStyleIdx="0" presStyleCnt="4">
        <dgm:presLayoutVars>
          <dgm:bulletEnabled val="1"/>
        </dgm:presLayoutVars>
      </dgm:prSet>
      <dgm:spPr/>
    </dgm:pt>
    <dgm:pt modelId="{9BDF39AB-5E82-485D-84F4-8F96B6DC3905}" type="pres">
      <dgm:prSet presAssocID="{9432FED6-0B3E-4606-AC8B-9C650528FFFD}" presName="sibTrans" presStyleLbl="sibTrans2D1" presStyleIdx="0" presStyleCnt="0"/>
      <dgm:spPr/>
    </dgm:pt>
    <dgm:pt modelId="{CA991117-C7DD-41B4-A2BF-9DF5B1F4B79B}" type="pres">
      <dgm:prSet presAssocID="{0FE1AB3D-BBEF-4CC9-B418-8224C42A9561}" presName="compNode" presStyleCnt="0"/>
      <dgm:spPr/>
    </dgm:pt>
    <dgm:pt modelId="{71BFD3DE-8ED3-4DA5-807C-70D21163B563}" type="pres">
      <dgm:prSet presAssocID="{0FE1AB3D-BBEF-4CC9-B418-8224C42A9561}" presName="pictRect" presStyleLbl="node1" presStyleIdx="1" presStyleCnt="4"/>
      <dgm:spPr/>
    </dgm:pt>
    <dgm:pt modelId="{14544AF3-6464-4840-B9E8-AF76F136BE37}" type="pres">
      <dgm:prSet presAssocID="{0FE1AB3D-BBEF-4CC9-B418-8224C42A9561}" presName="textRect" presStyleLbl="revTx" presStyleIdx="1" presStyleCnt="4">
        <dgm:presLayoutVars>
          <dgm:bulletEnabled val="1"/>
        </dgm:presLayoutVars>
      </dgm:prSet>
      <dgm:spPr/>
    </dgm:pt>
    <dgm:pt modelId="{594F429F-5CF3-4E7F-B753-3B1705109836}" type="pres">
      <dgm:prSet presAssocID="{BEE527C8-7704-4F64-B706-8CD7948A85B0}" presName="sibTrans" presStyleLbl="sibTrans2D1" presStyleIdx="0" presStyleCnt="0"/>
      <dgm:spPr/>
    </dgm:pt>
    <dgm:pt modelId="{3C6CA7E2-0E99-4971-B56B-A99DDB70E214}" type="pres">
      <dgm:prSet presAssocID="{7355896E-16D9-463D-83E9-A5A80F48C971}" presName="compNode" presStyleCnt="0"/>
      <dgm:spPr/>
    </dgm:pt>
    <dgm:pt modelId="{387D96AD-1321-4178-A5EF-A3023DBFA890}" type="pres">
      <dgm:prSet presAssocID="{7355896E-16D9-463D-83E9-A5A80F48C971}" presName="pictRect" presStyleLbl="node1" presStyleIdx="2" presStyleCnt="4"/>
      <dgm:spPr/>
    </dgm:pt>
    <dgm:pt modelId="{A2681C27-50C0-463F-AD96-7E524E67FCAC}" type="pres">
      <dgm:prSet presAssocID="{7355896E-16D9-463D-83E9-A5A80F48C971}" presName="textRect" presStyleLbl="revTx" presStyleIdx="2" presStyleCnt="4">
        <dgm:presLayoutVars>
          <dgm:bulletEnabled val="1"/>
        </dgm:presLayoutVars>
      </dgm:prSet>
      <dgm:spPr/>
    </dgm:pt>
    <dgm:pt modelId="{C5674E8B-D285-4F0C-9279-8CCE5EB9C9C9}" type="pres">
      <dgm:prSet presAssocID="{62F9C50C-F8B4-4431-93F3-E5C82B3AA80C}" presName="sibTrans" presStyleLbl="sibTrans2D1" presStyleIdx="0" presStyleCnt="0"/>
      <dgm:spPr/>
    </dgm:pt>
    <dgm:pt modelId="{438E29E7-6B8D-49FC-A548-8ABC0537FC85}" type="pres">
      <dgm:prSet presAssocID="{F19BEE0C-7B58-4FC1-8332-C6D01507F0DB}" presName="compNode" presStyleCnt="0"/>
      <dgm:spPr/>
    </dgm:pt>
    <dgm:pt modelId="{14297EB4-7653-4B20-AF2D-CEEA1D94B23F}" type="pres">
      <dgm:prSet presAssocID="{F19BEE0C-7B58-4FC1-8332-C6D01507F0DB}" presName="pictRect" presStyleLbl="node1" presStyleIdx="3" presStyleCnt="4"/>
      <dgm:spPr/>
    </dgm:pt>
    <dgm:pt modelId="{846A24B0-B35A-4D88-A092-A0498E0D87E2}" type="pres">
      <dgm:prSet presAssocID="{F19BEE0C-7B58-4FC1-8332-C6D01507F0DB}" presName="textRect" presStyleLbl="revTx" presStyleIdx="3" presStyleCnt="4">
        <dgm:presLayoutVars>
          <dgm:bulletEnabled val="1"/>
        </dgm:presLayoutVars>
      </dgm:prSet>
      <dgm:spPr/>
    </dgm:pt>
  </dgm:ptLst>
  <dgm:cxnLst>
    <dgm:cxn modelId="{91204107-067E-44B5-8A6F-890215A64F7F}" type="presOf" srcId="{7355896E-16D9-463D-83E9-A5A80F48C971}" destId="{A2681C27-50C0-463F-AD96-7E524E67FCAC}" srcOrd="0" destOrd="0" presId="urn:microsoft.com/office/officeart/2005/8/layout/pList1"/>
    <dgm:cxn modelId="{7C66C516-4862-4C19-95FD-3CA4C40A274E}" type="presOf" srcId="{9432FED6-0B3E-4606-AC8B-9C650528FFFD}" destId="{9BDF39AB-5E82-485D-84F4-8F96B6DC3905}" srcOrd="0" destOrd="0" presId="urn:microsoft.com/office/officeart/2005/8/layout/pList1"/>
    <dgm:cxn modelId="{C4060E23-82BC-4090-AF67-FA7D4485EA96}" srcId="{CBCC504F-0FAB-487F-876D-E929F8569590}" destId="{183C7A0A-7C3C-469C-8810-BF673F6E224F}" srcOrd="0" destOrd="0" parTransId="{936F94E6-CA9C-4E52-AEC5-FC0B37AA7AE6}" sibTransId="{9432FED6-0B3E-4606-AC8B-9C650528FFFD}"/>
    <dgm:cxn modelId="{5F149826-82A7-4F8F-B11B-2F1433570DBD}" type="presOf" srcId="{CBCC504F-0FAB-487F-876D-E929F8569590}" destId="{7089B7ED-2B80-4602-980C-9A04975C0B54}" srcOrd="0" destOrd="0" presId="urn:microsoft.com/office/officeart/2005/8/layout/pList1"/>
    <dgm:cxn modelId="{CC44DF27-B03A-4E63-AB84-27E188D1852B}" type="presOf" srcId="{BEE527C8-7704-4F64-B706-8CD7948A85B0}" destId="{594F429F-5CF3-4E7F-B753-3B1705109836}" srcOrd="0" destOrd="0" presId="urn:microsoft.com/office/officeart/2005/8/layout/pList1"/>
    <dgm:cxn modelId="{FEC1B744-C873-4889-8A1E-2E7B87220D6D}" srcId="{CBCC504F-0FAB-487F-876D-E929F8569590}" destId="{F19BEE0C-7B58-4FC1-8332-C6D01507F0DB}" srcOrd="3" destOrd="0" parTransId="{11019DF5-E933-4511-BAAF-BCE69ADFA98C}" sibTransId="{2B298C7A-8524-49FC-B807-AB295D041182}"/>
    <dgm:cxn modelId="{52C64354-D1C2-4877-8861-16671E0838DC}" type="presOf" srcId="{F19BEE0C-7B58-4FC1-8332-C6D01507F0DB}" destId="{846A24B0-B35A-4D88-A092-A0498E0D87E2}" srcOrd="0" destOrd="0" presId="urn:microsoft.com/office/officeart/2005/8/layout/pList1"/>
    <dgm:cxn modelId="{35C62989-37F2-406A-9BFE-E376CCF9F12F}" type="presOf" srcId="{183C7A0A-7C3C-469C-8810-BF673F6E224F}" destId="{439BCF20-9ED7-4E81-AEDE-0355250E3FBB}" srcOrd="0" destOrd="0" presId="urn:microsoft.com/office/officeart/2005/8/layout/pList1"/>
    <dgm:cxn modelId="{96CA08A9-FD70-495F-884C-6AFACD87DA75}" type="presOf" srcId="{0FE1AB3D-BBEF-4CC9-B418-8224C42A9561}" destId="{14544AF3-6464-4840-B9E8-AF76F136BE37}" srcOrd="0" destOrd="0" presId="urn:microsoft.com/office/officeart/2005/8/layout/pList1"/>
    <dgm:cxn modelId="{378B81E0-7344-4CED-A359-9B274FDF2679}" srcId="{CBCC504F-0FAB-487F-876D-E929F8569590}" destId="{7355896E-16D9-463D-83E9-A5A80F48C971}" srcOrd="2" destOrd="0" parTransId="{D1AC117A-61E3-4DFD-94FA-DD050B005FE2}" sibTransId="{62F9C50C-F8B4-4431-93F3-E5C82B3AA80C}"/>
    <dgm:cxn modelId="{14FBC1E0-FD85-4D88-965C-14220DC5C4DA}" type="presOf" srcId="{62F9C50C-F8B4-4431-93F3-E5C82B3AA80C}" destId="{C5674E8B-D285-4F0C-9279-8CCE5EB9C9C9}" srcOrd="0" destOrd="0" presId="urn:microsoft.com/office/officeart/2005/8/layout/pList1"/>
    <dgm:cxn modelId="{8EE5B0F3-9D70-4C13-BE7D-9D683E961BC8}" srcId="{CBCC504F-0FAB-487F-876D-E929F8569590}" destId="{0FE1AB3D-BBEF-4CC9-B418-8224C42A9561}" srcOrd="1" destOrd="0" parTransId="{9E01C0DF-479C-45DE-A150-F6C386EC6A79}" sibTransId="{BEE527C8-7704-4F64-B706-8CD7948A85B0}"/>
    <dgm:cxn modelId="{F621460E-9962-4347-B174-BF2F81841CC0}" type="presParOf" srcId="{7089B7ED-2B80-4602-980C-9A04975C0B54}" destId="{798B522C-85F0-467B-A53C-453CC70CA2CF}" srcOrd="0" destOrd="0" presId="urn:microsoft.com/office/officeart/2005/8/layout/pList1"/>
    <dgm:cxn modelId="{5EA8146F-5DB7-4CA5-971D-15F787253C7C}" type="presParOf" srcId="{798B522C-85F0-467B-A53C-453CC70CA2CF}" destId="{E6C58D02-2877-419F-B58A-E49571EF410C}" srcOrd="0" destOrd="0" presId="urn:microsoft.com/office/officeart/2005/8/layout/pList1"/>
    <dgm:cxn modelId="{9BD398FB-8527-4F5D-9A7E-1B8C9E1A9238}" type="presParOf" srcId="{798B522C-85F0-467B-A53C-453CC70CA2CF}" destId="{439BCF20-9ED7-4E81-AEDE-0355250E3FBB}" srcOrd="1" destOrd="0" presId="urn:microsoft.com/office/officeart/2005/8/layout/pList1"/>
    <dgm:cxn modelId="{A7C0E3FE-F239-4173-B713-2B0F570376CD}" type="presParOf" srcId="{7089B7ED-2B80-4602-980C-9A04975C0B54}" destId="{9BDF39AB-5E82-485D-84F4-8F96B6DC3905}" srcOrd="1" destOrd="0" presId="urn:microsoft.com/office/officeart/2005/8/layout/pList1"/>
    <dgm:cxn modelId="{8E674AE6-D64E-45B0-B457-136BD813F14C}" type="presParOf" srcId="{7089B7ED-2B80-4602-980C-9A04975C0B54}" destId="{CA991117-C7DD-41B4-A2BF-9DF5B1F4B79B}" srcOrd="2" destOrd="0" presId="urn:microsoft.com/office/officeart/2005/8/layout/pList1"/>
    <dgm:cxn modelId="{2984B2FB-9FCB-4DF7-A7F0-FFA00E07D3B3}" type="presParOf" srcId="{CA991117-C7DD-41B4-A2BF-9DF5B1F4B79B}" destId="{71BFD3DE-8ED3-4DA5-807C-70D21163B563}" srcOrd="0" destOrd="0" presId="urn:microsoft.com/office/officeart/2005/8/layout/pList1"/>
    <dgm:cxn modelId="{4A46C9A2-1358-4308-BE81-D8EAD549EAAD}" type="presParOf" srcId="{CA991117-C7DD-41B4-A2BF-9DF5B1F4B79B}" destId="{14544AF3-6464-4840-B9E8-AF76F136BE37}" srcOrd="1" destOrd="0" presId="urn:microsoft.com/office/officeart/2005/8/layout/pList1"/>
    <dgm:cxn modelId="{CAC85F73-B6F4-435F-9F0B-F7E5A58DB66F}" type="presParOf" srcId="{7089B7ED-2B80-4602-980C-9A04975C0B54}" destId="{594F429F-5CF3-4E7F-B753-3B1705109836}" srcOrd="3" destOrd="0" presId="urn:microsoft.com/office/officeart/2005/8/layout/pList1"/>
    <dgm:cxn modelId="{BD63BC84-666E-4CE3-9C55-5CFA5CB3F1F8}" type="presParOf" srcId="{7089B7ED-2B80-4602-980C-9A04975C0B54}" destId="{3C6CA7E2-0E99-4971-B56B-A99DDB70E214}" srcOrd="4" destOrd="0" presId="urn:microsoft.com/office/officeart/2005/8/layout/pList1"/>
    <dgm:cxn modelId="{35861EBF-F26F-498B-B2A5-DFD9EE9714EF}" type="presParOf" srcId="{3C6CA7E2-0E99-4971-B56B-A99DDB70E214}" destId="{387D96AD-1321-4178-A5EF-A3023DBFA890}" srcOrd="0" destOrd="0" presId="urn:microsoft.com/office/officeart/2005/8/layout/pList1"/>
    <dgm:cxn modelId="{DA0F4F6F-FFD8-49CF-82BB-EA4CD5957960}" type="presParOf" srcId="{3C6CA7E2-0E99-4971-B56B-A99DDB70E214}" destId="{A2681C27-50C0-463F-AD96-7E524E67FCAC}" srcOrd="1" destOrd="0" presId="urn:microsoft.com/office/officeart/2005/8/layout/pList1"/>
    <dgm:cxn modelId="{ED7BE083-33AA-4026-B0F2-A34EFE53C15B}" type="presParOf" srcId="{7089B7ED-2B80-4602-980C-9A04975C0B54}" destId="{C5674E8B-D285-4F0C-9279-8CCE5EB9C9C9}" srcOrd="5" destOrd="0" presId="urn:microsoft.com/office/officeart/2005/8/layout/pList1"/>
    <dgm:cxn modelId="{82182342-5A46-4604-AD8F-A31E0FC8A10D}" type="presParOf" srcId="{7089B7ED-2B80-4602-980C-9A04975C0B54}" destId="{438E29E7-6B8D-49FC-A548-8ABC0537FC85}" srcOrd="6" destOrd="0" presId="urn:microsoft.com/office/officeart/2005/8/layout/pList1"/>
    <dgm:cxn modelId="{7C255457-01D7-4627-9833-9D734BC18A03}" type="presParOf" srcId="{438E29E7-6B8D-49FC-A548-8ABC0537FC85}" destId="{14297EB4-7653-4B20-AF2D-CEEA1D94B23F}" srcOrd="0" destOrd="0" presId="urn:microsoft.com/office/officeart/2005/8/layout/pList1"/>
    <dgm:cxn modelId="{9D7CC428-1D3E-4337-8AF8-2EBE6279710B}" type="presParOf" srcId="{438E29E7-6B8D-49FC-A548-8ABC0537FC85}" destId="{846A24B0-B35A-4D88-A092-A0498E0D87E2}" srcOrd="1" destOrd="0" presId="urn:microsoft.com/office/officeart/2005/8/layout/p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CBCC504F-0FAB-487F-876D-E929F8569590}" type="doc">
      <dgm:prSet loTypeId="urn:microsoft.com/office/officeart/2005/8/layout/bList2" loCatId="list" qsTypeId="urn:microsoft.com/office/officeart/2005/8/quickstyle/simple1" qsCatId="simple" csTypeId="urn:microsoft.com/office/officeart/2005/8/colors/accent1_3" csCatId="accent1" phldr="1"/>
      <dgm:spPr/>
      <dgm:t>
        <a:bodyPr/>
        <a:lstStyle/>
        <a:p>
          <a:endParaRPr lang="en-US"/>
        </a:p>
      </dgm:t>
    </dgm:pt>
    <dgm:pt modelId="{9E2033D5-F635-4215-96FB-F145B6B9844E}">
      <dgm:prSet phldrT="[Text]" phldr="1"/>
      <dgm:spPr/>
      <dgm:t>
        <a:bodyPr/>
        <a:lstStyle/>
        <a:p>
          <a:endParaRPr lang="en-US"/>
        </a:p>
      </dgm:t>
    </dgm:pt>
    <dgm:pt modelId="{89ACCFF9-38F4-4B4A-BE09-9E4EFE75CE68}" type="parTrans" cxnId="{EB40E17C-F0B8-4C39-A271-0D8A41B36C0E}">
      <dgm:prSet/>
      <dgm:spPr/>
      <dgm:t>
        <a:bodyPr/>
        <a:lstStyle/>
        <a:p>
          <a:endParaRPr lang="en-US"/>
        </a:p>
      </dgm:t>
    </dgm:pt>
    <dgm:pt modelId="{7C014077-7B55-4E6F-84BC-C8E3732C7C22}" type="sibTrans" cxnId="{EB40E17C-F0B8-4C39-A271-0D8A41B36C0E}">
      <dgm:prSet/>
      <dgm:spPr/>
      <dgm:t>
        <a:bodyPr/>
        <a:lstStyle/>
        <a:p>
          <a:endParaRPr lang="en-US"/>
        </a:p>
      </dgm:t>
    </dgm:pt>
    <dgm:pt modelId="{0FF9BCA3-165C-4BC0-80E5-4B5EF89BFB7D}">
      <dgm:prSet phldrT="[Text]" phldr="1"/>
      <dgm:spPr/>
      <dgm:t>
        <a:bodyPr/>
        <a:lstStyle/>
        <a:p>
          <a:endParaRPr lang="en-US"/>
        </a:p>
      </dgm:t>
    </dgm:pt>
    <dgm:pt modelId="{C502B687-2174-4461-ABC2-84B986766BED}" type="parTrans" cxnId="{AA42CE06-E5D2-46C2-A201-646F8DF9533D}">
      <dgm:prSet/>
      <dgm:spPr/>
      <dgm:t>
        <a:bodyPr/>
        <a:lstStyle/>
        <a:p>
          <a:endParaRPr lang="en-US"/>
        </a:p>
      </dgm:t>
    </dgm:pt>
    <dgm:pt modelId="{F657C0B0-E9F0-4118-A18B-C4A4E578DF98}" type="sibTrans" cxnId="{AA42CE06-E5D2-46C2-A201-646F8DF9533D}">
      <dgm:prSet/>
      <dgm:spPr/>
      <dgm:t>
        <a:bodyPr/>
        <a:lstStyle/>
        <a:p>
          <a:endParaRPr lang="en-US"/>
        </a:p>
      </dgm:t>
    </dgm:pt>
    <dgm:pt modelId="{41DF8973-FB93-47C3-85F5-C019172A92BD}">
      <dgm:prSet phldrT="[Text]" phldr="1"/>
      <dgm:spPr/>
      <dgm:t>
        <a:bodyPr/>
        <a:lstStyle/>
        <a:p>
          <a:endParaRPr lang="en-US" dirty="0"/>
        </a:p>
      </dgm:t>
    </dgm:pt>
    <dgm:pt modelId="{13360191-42C9-481B-B781-AA39990417AC}" type="parTrans" cxnId="{17805DC0-87A6-422C-8A5D-D96BA31E2466}">
      <dgm:prSet/>
      <dgm:spPr/>
      <dgm:t>
        <a:bodyPr/>
        <a:lstStyle/>
        <a:p>
          <a:endParaRPr lang="en-US"/>
        </a:p>
      </dgm:t>
    </dgm:pt>
    <dgm:pt modelId="{3D2B7D01-A080-4F3E-A510-B96A9A8E3E61}" type="sibTrans" cxnId="{17805DC0-87A6-422C-8A5D-D96BA31E2466}">
      <dgm:prSet/>
      <dgm:spPr/>
      <dgm:t>
        <a:bodyPr/>
        <a:lstStyle/>
        <a:p>
          <a:endParaRPr lang="en-US"/>
        </a:p>
      </dgm:t>
    </dgm:pt>
    <dgm:pt modelId="{8AE744FF-4AC5-40AE-A5A3-850A9F900079}">
      <dgm:prSet phldrT="[Text]" phldr="1"/>
      <dgm:spPr/>
      <dgm:t>
        <a:bodyPr/>
        <a:lstStyle/>
        <a:p>
          <a:endParaRPr lang="en-US" dirty="0"/>
        </a:p>
      </dgm:t>
    </dgm:pt>
    <dgm:pt modelId="{DD3568E7-D119-4359-B9C8-09FAA7EE1C9B}" type="parTrans" cxnId="{BC0E3063-B43F-4973-9C20-3934B48C8CC8}">
      <dgm:prSet/>
      <dgm:spPr/>
      <dgm:t>
        <a:bodyPr/>
        <a:lstStyle/>
        <a:p>
          <a:endParaRPr lang="en-US"/>
        </a:p>
      </dgm:t>
    </dgm:pt>
    <dgm:pt modelId="{6943A720-1CD2-48DF-994D-FCF6C0E69039}" type="sibTrans" cxnId="{BC0E3063-B43F-4973-9C20-3934B48C8CC8}">
      <dgm:prSet/>
      <dgm:spPr/>
      <dgm:t>
        <a:bodyPr/>
        <a:lstStyle/>
        <a:p>
          <a:endParaRPr lang="en-US"/>
        </a:p>
      </dgm:t>
    </dgm:pt>
    <dgm:pt modelId="{80BD24A8-825E-4DBE-A865-EB5F74F2383A}">
      <dgm:prSet phldrT="[Text]"/>
      <dgm:spPr/>
      <dgm:t>
        <a:bodyPr/>
        <a:lstStyle/>
        <a:p>
          <a:endParaRPr lang="en-US" dirty="0"/>
        </a:p>
      </dgm:t>
    </dgm:pt>
    <dgm:pt modelId="{BBD42AD3-B22D-4DC8-8059-DE00493B8188}" type="parTrans" cxnId="{3AACD407-F338-4D87-8410-D5D61CC03D60}">
      <dgm:prSet/>
      <dgm:spPr/>
      <dgm:t>
        <a:bodyPr/>
        <a:lstStyle/>
        <a:p>
          <a:endParaRPr lang="en-US"/>
        </a:p>
      </dgm:t>
    </dgm:pt>
    <dgm:pt modelId="{F56F183F-E7FC-47E5-A355-EAEDC57D45CB}" type="sibTrans" cxnId="{3AACD407-F338-4D87-8410-D5D61CC03D60}">
      <dgm:prSet/>
      <dgm:spPr/>
      <dgm:t>
        <a:bodyPr/>
        <a:lstStyle/>
        <a:p>
          <a:endParaRPr lang="en-US"/>
        </a:p>
      </dgm:t>
    </dgm:pt>
    <dgm:pt modelId="{BBFAD4F7-7A42-458B-9CCE-AE2455D9FB57}">
      <dgm:prSet phldrT="[Text]"/>
      <dgm:spPr/>
      <dgm:t>
        <a:bodyPr/>
        <a:lstStyle/>
        <a:p>
          <a:endParaRPr lang="en-US" dirty="0"/>
        </a:p>
      </dgm:t>
    </dgm:pt>
    <dgm:pt modelId="{3B0F0792-B36D-4E15-99CD-C83452BB41C3}" type="parTrans" cxnId="{BB8BFF46-8A67-4938-8DC5-0B6EC5C3D341}">
      <dgm:prSet/>
      <dgm:spPr/>
      <dgm:t>
        <a:bodyPr/>
        <a:lstStyle/>
        <a:p>
          <a:endParaRPr lang="en-US"/>
        </a:p>
      </dgm:t>
    </dgm:pt>
    <dgm:pt modelId="{1805E9EA-2536-4F7E-83BE-23F8493324CE}" type="sibTrans" cxnId="{BB8BFF46-8A67-4938-8DC5-0B6EC5C3D341}">
      <dgm:prSet/>
      <dgm:spPr/>
      <dgm:t>
        <a:bodyPr/>
        <a:lstStyle/>
        <a:p>
          <a:endParaRPr lang="en-US"/>
        </a:p>
      </dgm:t>
    </dgm:pt>
    <dgm:pt modelId="{7E080A7D-863D-4A7B-8131-1D11D254A7C3}">
      <dgm:prSet phldrT="[Text]"/>
      <dgm:spPr/>
      <dgm:t>
        <a:bodyPr/>
        <a:lstStyle/>
        <a:p>
          <a:endParaRPr lang="en-US" dirty="0"/>
        </a:p>
      </dgm:t>
    </dgm:pt>
    <dgm:pt modelId="{437472BB-FA4B-4F9F-9A2E-2218712CDCC1}" type="parTrans" cxnId="{1D72F1C5-3113-407D-96A2-3BEECAA239C8}">
      <dgm:prSet/>
      <dgm:spPr/>
      <dgm:t>
        <a:bodyPr/>
        <a:lstStyle/>
        <a:p>
          <a:endParaRPr lang="en-US"/>
        </a:p>
      </dgm:t>
    </dgm:pt>
    <dgm:pt modelId="{37FF4EDF-E762-4083-83DC-4975C181565C}" type="sibTrans" cxnId="{1D72F1C5-3113-407D-96A2-3BEECAA239C8}">
      <dgm:prSet/>
      <dgm:spPr/>
      <dgm:t>
        <a:bodyPr/>
        <a:lstStyle/>
        <a:p>
          <a:endParaRPr lang="en-US"/>
        </a:p>
      </dgm:t>
    </dgm:pt>
    <dgm:pt modelId="{F0F4CF51-EB10-430F-8682-FCDF0A7B4548}">
      <dgm:prSet phldrT="[Text]"/>
      <dgm:spPr/>
      <dgm:t>
        <a:bodyPr/>
        <a:lstStyle/>
        <a:p>
          <a:endParaRPr lang="en-US" dirty="0"/>
        </a:p>
      </dgm:t>
    </dgm:pt>
    <dgm:pt modelId="{8BFB1482-2250-4E86-9297-43274DA2C978}" type="parTrans" cxnId="{FEA880C3-3CED-4245-A9E5-72D78398D71E}">
      <dgm:prSet/>
      <dgm:spPr/>
      <dgm:t>
        <a:bodyPr/>
        <a:lstStyle/>
        <a:p>
          <a:endParaRPr lang="en-US"/>
        </a:p>
      </dgm:t>
    </dgm:pt>
    <dgm:pt modelId="{AFA69A39-E1C8-426E-839F-972C7AE16211}" type="sibTrans" cxnId="{FEA880C3-3CED-4245-A9E5-72D78398D71E}">
      <dgm:prSet/>
      <dgm:spPr/>
      <dgm:t>
        <a:bodyPr/>
        <a:lstStyle/>
        <a:p>
          <a:endParaRPr lang="en-US"/>
        </a:p>
      </dgm:t>
    </dgm:pt>
    <dgm:pt modelId="{46E5E31A-98F1-432F-8B71-4B364C4A3EDD}" type="pres">
      <dgm:prSet presAssocID="{CBCC504F-0FAB-487F-876D-E929F8569590}" presName="diagram" presStyleCnt="0">
        <dgm:presLayoutVars>
          <dgm:dir/>
          <dgm:animLvl val="lvl"/>
          <dgm:resizeHandles val="exact"/>
        </dgm:presLayoutVars>
      </dgm:prSet>
      <dgm:spPr/>
    </dgm:pt>
    <dgm:pt modelId="{1E8D315E-D6DC-4C36-880E-13750AA1CC5D}" type="pres">
      <dgm:prSet presAssocID="{9E2033D5-F635-4215-96FB-F145B6B9844E}" presName="compNode" presStyleCnt="0"/>
      <dgm:spPr/>
    </dgm:pt>
    <dgm:pt modelId="{8870D052-58C0-49EA-88DF-E0D141B0BB34}" type="pres">
      <dgm:prSet presAssocID="{9E2033D5-F635-4215-96FB-F145B6B9844E}" presName="childRect" presStyleLbl="bgAcc1" presStyleIdx="0" presStyleCnt="4">
        <dgm:presLayoutVars>
          <dgm:bulletEnabled val="1"/>
        </dgm:presLayoutVars>
      </dgm:prSet>
      <dgm:spPr/>
    </dgm:pt>
    <dgm:pt modelId="{C843A786-23EF-4F34-BE2A-D3DCA956E136}" type="pres">
      <dgm:prSet presAssocID="{9E2033D5-F635-4215-96FB-F145B6B9844E}" presName="parentText" presStyleLbl="node1" presStyleIdx="0" presStyleCnt="0">
        <dgm:presLayoutVars>
          <dgm:chMax val="0"/>
          <dgm:bulletEnabled val="1"/>
        </dgm:presLayoutVars>
      </dgm:prSet>
      <dgm:spPr/>
    </dgm:pt>
    <dgm:pt modelId="{12334DBF-5B11-4F00-8EF6-3B31AF17AC5E}" type="pres">
      <dgm:prSet presAssocID="{9E2033D5-F635-4215-96FB-F145B6B9844E}" presName="parentRect" presStyleLbl="alignNode1" presStyleIdx="0" presStyleCnt="4"/>
      <dgm:spPr/>
    </dgm:pt>
    <dgm:pt modelId="{7B532F04-9561-47D8-BCF9-FB5D926D8AF9}" type="pres">
      <dgm:prSet presAssocID="{9E2033D5-F635-4215-96FB-F145B6B9844E}" presName="adorn" presStyleLbl="fgAccFollowNode1" presStyleIdx="0" presStyleCnt="4"/>
      <dgm:spPr/>
    </dgm:pt>
    <dgm:pt modelId="{B683597D-0927-4665-9837-3F6356C18B42}" type="pres">
      <dgm:prSet presAssocID="{7C014077-7B55-4E6F-84BC-C8E3732C7C22}" presName="sibTrans" presStyleLbl="sibTrans2D1" presStyleIdx="0" presStyleCnt="0"/>
      <dgm:spPr/>
    </dgm:pt>
    <dgm:pt modelId="{52709FD2-408F-43A2-9F98-C19EDBA22477}" type="pres">
      <dgm:prSet presAssocID="{41DF8973-FB93-47C3-85F5-C019172A92BD}" presName="compNode" presStyleCnt="0"/>
      <dgm:spPr/>
    </dgm:pt>
    <dgm:pt modelId="{AE262A03-B1CF-4F25-88CF-749ACC899ACB}" type="pres">
      <dgm:prSet presAssocID="{41DF8973-FB93-47C3-85F5-C019172A92BD}" presName="childRect" presStyleLbl="bgAcc1" presStyleIdx="1" presStyleCnt="4">
        <dgm:presLayoutVars>
          <dgm:bulletEnabled val="1"/>
        </dgm:presLayoutVars>
      </dgm:prSet>
      <dgm:spPr/>
    </dgm:pt>
    <dgm:pt modelId="{AD3520C2-D852-476A-B72B-DF14A3CB72BE}" type="pres">
      <dgm:prSet presAssocID="{41DF8973-FB93-47C3-85F5-C019172A92BD}" presName="parentText" presStyleLbl="node1" presStyleIdx="0" presStyleCnt="0">
        <dgm:presLayoutVars>
          <dgm:chMax val="0"/>
          <dgm:bulletEnabled val="1"/>
        </dgm:presLayoutVars>
      </dgm:prSet>
      <dgm:spPr/>
    </dgm:pt>
    <dgm:pt modelId="{FEE1942B-2F1E-4848-A3C3-20201C8592B4}" type="pres">
      <dgm:prSet presAssocID="{41DF8973-FB93-47C3-85F5-C019172A92BD}" presName="parentRect" presStyleLbl="alignNode1" presStyleIdx="1" presStyleCnt="4"/>
      <dgm:spPr/>
    </dgm:pt>
    <dgm:pt modelId="{2A8B7289-4530-473E-9601-5E16EC766FB7}" type="pres">
      <dgm:prSet presAssocID="{41DF8973-FB93-47C3-85F5-C019172A92BD}" presName="adorn" presStyleLbl="fgAccFollowNode1" presStyleIdx="1" presStyleCnt="4"/>
      <dgm:spPr/>
    </dgm:pt>
    <dgm:pt modelId="{C878F74D-1942-4930-9FE1-0E26F53D3D47}" type="pres">
      <dgm:prSet presAssocID="{3D2B7D01-A080-4F3E-A510-B96A9A8E3E61}" presName="sibTrans" presStyleLbl="sibTrans2D1" presStyleIdx="0" presStyleCnt="0"/>
      <dgm:spPr/>
    </dgm:pt>
    <dgm:pt modelId="{EED01AFD-11B8-455E-8168-4772275DA415}" type="pres">
      <dgm:prSet presAssocID="{BBFAD4F7-7A42-458B-9CCE-AE2455D9FB57}" presName="compNode" presStyleCnt="0"/>
      <dgm:spPr/>
    </dgm:pt>
    <dgm:pt modelId="{F291119F-B4FD-4058-9702-E5AD24122365}" type="pres">
      <dgm:prSet presAssocID="{BBFAD4F7-7A42-458B-9CCE-AE2455D9FB57}" presName="childRect" presStyleLbl="bgAcc1" presStyleIdx="2" presStyleCnt="4">
        <dgm:presLayoutVars>
          <dgm:bulletEnabled val="1"/>
        </dgm:presLayoutVars>
      </dgm:prSet>
      <dgm:spPr/>
    </dgm:pt>
    <dgm:pt modelId="{4083AB45-47BE-496E-895C-B6A26F1456CB}" type="pres">
      <dgm:prSet presAssocID="{BBFAD4F7-7A42-458B-9CCE-AE2455D9FB57}" presName="parentText" presStyleLbl="node1" presStyleIdx="0" presStyleCnt="0">
        <dgm:presLayoutVars>
          <dgm:chMax val="0"/>
          <dgm:bulletEnabled val="1"/>
        </dgm:presLayoutVars>
      </dgm:prSet>
      <dgm:spPr/>
    </dgm:pt>
    <dgm:pt modelId="{1F5B1EBE-7012-4CC6-B843-C936B893C684}" type="pres">
      <dgm:prSet presAssocID="{BBFAD4F7-7A42-458B-9CCE-AE2455D9FB57}" presName="parentRect" presStyleLbl="alignNode1" presStyleIdx="2" presStyleCnt="4"/>
      <dgm:spPr/>
    </dgm:pt>
    <dgm:pt modelId="{3D4774D3-7EE4-42FF-82D5-541C8BB28C2D}" type="pres">
      <dgm:prSet presAssocID="{BBFAD4F7-7A42-458B-9CCE-AE2455D9FB57}" presName="adorn" presStyleLbl="fgAccFollowNode1" presStyleIdx="2" presStyleCnt="4"/>
      <dgm:spPr/>
    </dgm:pt>
    <dgm:pt modelId="{32C54C53-BAE5-428C-BF05-67CAA040AF83}" type="pres">
      <dgm:prSet presAssocID="{1805E9EA-2536-4F7E-83BE-23F8493324CE}" presName="sibTrans" presStyleLbl="sibTrans2D1" presStyleIdx="0" presStyleCnt="0"/>
      <dgm:spPr/>
    </dgm:pt>
    <dgm:pt modelId="{E63F4B4D-4CCE-45FC-AA48-90D76366E685}" type="pres">
      <dgm:prSet presAssocID="{F0F4CF51-EB10-430F-8682-FCDF0A7B4548}" presName="compNode" presStyleCnt="0"/>
      <dgm:spPr/>
    </dgm:pt>
    <dgm:pt modelId="{7E16BCD6-25A5-4E3A-AAA9-F461C10AD0EE}" type="pres">
      <dgm:prSet presAssocID="{F0F4CF51-EB10-430F-8682-FCDF0A7B4548}" presName="childRect" presStyleLbl="bgAcc1" presStyleIdx="3" presStyleCnt="4">
        <dgm:presLayoutVars>
          <dgm:bulletEnabled val="1"/>
        </dgm:presLayoutVars>
      </dgm:prSet>
      <dgm:spPr/>
    </dgm:pt>
    <dgm:pt modelId="{B3664BB3-6483-4396-947A-4F85C817A996}" type="pres">
      <dgm:prSet presAssocID="{F0F4CF51-EB10-430F-8682-FCDF0A7B4548}" presName="parentText" presStyleLbl="node1" presStyleIdx="0" presStyleCnt="0">
        <dgm:presLayoutVars>
          <dgm:chMax val="0"/>
          <dgm:bulletEnabled val="1"/>
        </dgm:presLayoutVars>
      </dgm:prSet>
      <dgm:spPr/>
    </dgm:pt>
    <dgm:pt modelId="{1DBA0CF8-ACE0-4098-9C2B-F19454972558}" type="pres">
      <dgm:prSet presAssocID="{F0F4CF51-EB10-430F-8682-FCDF0A7B4548}" presName="parentRect" presStyleLbl="alignNode1" presStyleIdx="3" presStyleCnt="4"/>
      <dgm:spPr/>
    </dgm:pt>
    <dgm:pt modelId="{A093B6B6-83BE-4113-BD95-7064D2946CAB}" type="pres">
      <dgm:prSet presAssocID="{F0F4CF51-EB10-430F-8682-FCDF0A7B4548}" presName="adorn" presStyleLbl="fgAccFollowNode1" presStyleIdx="3" presStyleCnt="4"/>
      <dgm:spPr/>
    </dgm:pt>
  </dgm:ptLst>
  <dgm:cxnLst>
    <dgm:cxn modelId="{AA42CE06-E5D2-46C2-A201-646F8DF9533D}" srcId="{9E2033D5-F635-4215-96FB-F145B6B9844E}" destId="{0FF9BCA3-165C-4BC0-80E5-4B5EF89BFB7D}" srcOrd="0" destOrd="0" parTransId="{C502B687-2174-4461-ABC2-84B986766BED}" sibTransId="{F657C0B0-E9F0-4118-A18B-C4A4E578DF98}"/>
    <dgm:cxn modelId="{3AACD407-F338-4D87-8410-D5D61CC03D60}" srcId="{F0F4CF51-EB10-430F-8682-FCDF0A7B4548}" destId="{80BD24A8-825E-4DBE-A865-EB5F74F2383A}" srcOrd="0" destOrd="0" parTransId="{BBD42AD3-B22D-4DC8-8059-DE00493B8188}" sibTransId="{F56F183F-E7FC-47E5-A355-EAEDC57D45CB}"/>
    <dgm:cxn modelId="{69309B28-03AC-45D0-B3C2-3D30A0A48499}" type="presOf" srcId="{9E2033D5-F635-4215-96FB-F145B6B9844E}" destId="{C843A786-23EF-4F34-BE2A-D3DCA956E136}" srcOrd="0" destOrd="0" presId="urn:microsoft.com/office/officeart/2005/8/layout/bList2"/>
    <dgm:cxn modelId="{158E5033-3455-4CFF-9FDF-B06EE8135506}" type="presOf" srcId="{0FF9BCA3-165C-4BC0-80E5-4B5EF89BFB7D}" destId="{8870D052-58C0-49EA-88DF-E0D141B0BB34}" srcOrd="0" destOrd="0" presId="urn:microsoft.com/office/officeart/2005/8/layout/bList2"/>
    <dgm:cxn modelId="{CDC78733-FBE2-41AC-88EF-8FB26C808958}" type="presOf" srcId="{41DF8973-FB93-47C3-85F5-C019172A92BD}" destId="{FEE1942B-2F1E-4848-A3C3-20201C8592B4}" srcOrd="1" destOrd="0" presId="urn:microsoft.com/office/officeart/2005/8/layout/bList2"/>
    <dgm:cxn modelId="{573F5139-EBE2-4A48-BD5D-B7F780C9F170}" type="presOf" srcId="{1805E9EA-2536-4F7E-83BE-23F8493324CE}" destId="{32C54C53-BAE5-428C-BF05-67CAA040AF83}" srcOrd="0" destOrd="0" presId="urn:microsoft.com/office/officeart/2005/8/layout/bList2"/>
    <dgm:cxn modelId="{F1DC1042-220C-4FB7-BD1C-4A6EA74DF871}" type="presOf" srcId="{BBFAD4F7-7A42-458B-9CCE-AE2455D9FB57}" destId="{1F5B1EBE-7012-4CC6-B843-C936B893C684}" srcOrd="1" destOrd="0" presId="urn:microsoft.com/office/officeart/2005/8/layout/bList2"/>
    <dgm:cxn modelId="{BC0E3063-B43F-4973-9C20-3934B48C8CC8}" srcId="{41DF8973-FB93-47C3-85F5-C019172A92BD}" destId="{8AE744FF-4AC5-40AE-A5A3-850A9F900079}" srcOrd="0" destOrd="0" parTransId="{DD3568E7-D119-4359-B9C8-09FAA7EE1C9B}" sibTransId="{6943A720-1CD2-48DF-994D-FCF6C0E69039}"/>
    <dgm:cxn modelId="{BB8BFF46-8A67-4938-8DC5-0B6EC5C3D341}" srcId="{CBCC504F-0FAB-487F-876D-E929F8569590}" destId="{BBFAD4F7-7A42-458B-9CCE-AE2455D9FB57}" srcOrd="2" destOrd="0" parTransId="{3B0F0792-B36D-4E15-99CD-C83452BB41C3}" sibTransId="{1805E9EA-2536-4F7E-83BE-23F8493324CE}"/>
    <dgm:cxn modelId="{3C17994E-760C-48A2-9AED-DFC9A9F03BE3}" type="presOf" srcId="{7E080A7D-863D-4A7B-8131-1D11D254A7C3}" destId="{F291119F-B4FD-4058-9702-E5AD24122365}" srcOrd="0" destOrd="0" presId="urn:microsoft.com/office/officeart/2005/8/layout/bList2"/>
    <dgm:cxn modelId="{1CA55E7B-6192-4C4F-A1B6-413541625917}" type="presOf" srcId="{80BD24A8-825E-4DBE-A865-EB5F74F2383A}" destId="{7E16BCD6-25A5-4E3A-AAA9-F461C10AD0EE}" srcOrd="0" destOrd="0" presId="urn:microsoft.com/office/officeart/2005/8/layout/bList2"/>
    <dgm:cxn modelId="{EB40E17C-F0B8-4C39-A271-0D8A41B36C0E}" srcId="{CBCC504F-0FAB-487F-876D-E929F8569590}" destId="{9E2033D5-F635-4215-96FB-F145B6B9844E}" srcOrd="0" destOrd="0" parTransId="{89ACCFF9-38F4-4B4A-BE09-9E4EFE75CE68}" sibTransId="{7C014077-7B55-4E6F-84BC-C8E3732C7C22}"/>
    <dgm:cxn modelId="{428EBAA7-0512-4E2A-BC22-2037137CF79F}" type="presOf" srcId="{8AE744FF-4AC5-40AE-A5A3-850A9F900079}" destId="{AE262A03-B1CF-4F25-88CF-749ACC899ACB}" srcOrd="0" destOrd="0" presId="urn:microsoft.com/office/officeart/2005/8/layout/bList2"/>
    <dgm:cxn modelId="{3D6AA5A9-D372-44A6-98E2-6601745EDBDA}" type="presOf" srcId="{CBCC504F-0FAB-487F-876D-E929F8569590}" destId="{46E5E31A-98F1-432F-8B71-4B364C4A3EDD}" srcOrd="0" destOrd="0" presId="urn:microsoft.com/office/officeart/2005/8/layout/bList2"/>
    <dgm:cxn modelId="{F35CFDAE-D2D8-402F-AFAE-1AA99C30DBEC}" type="presOf" srcId="{41DF8973-FB93-47C3-85F5-C019172A92BD}" destId="{AD3520C2-D852-476A-B72B-DF14A3CB72BE}" srcOrd="0" destOrd="0" presId="urn:microsoft.com/office/officeart/2005/8/layout/bList2"/>
    <dgm:cxn modelId="{17805DC0-87A6-422C-8A5D-D96BA31E2466}" srcId="{CBCC504F-0FAB-487F-876D-E929F8569590}" destId="{41DF8973-FB93-47C3-85F5-C019172A92BD}" srcOrd="1" destOrd="0" parTransId="{13360191-42C9-481B-B781-AA39990417AC}" sibTransId="{3D2B7D01-A080-4F3E-A510-B96A9A8E3E61}"/>
    <dgm:cxn modelId="{FEA880C3-3CED-4245-A9E5-72D78398D71E}" srcId="{CBCC504F-0FAB-487F-876D-E929F8569590}" destId="{F0F4CF51-EB10-430F-8682-FCDF0A7B4548}" srcOrd="3" destOrd="0" parTransId="{8BFB1482-2250-4E86-9297-43274DA2C978}" sibTransId="{AFA69A39-E1C8-426E-839F-972C7AE16211}"/>
    <dgm:cxn modelId="{1D72F1C5-3113-407D-96A2-3BEECAA239C8}" srcId="{BBFAD4F7-7A42-458B-9CCE-AE2455D9FB57}" destId="{7E080A7D-863D-4A7B-8131-1D11D254A7C3}" srcOrd="0" destOrd="0" parTransId="{437472BB-FA4B-4F9F-9A2E-2218712CDCC1}" sibTransId="{37FF4EDF-E762-4083-83DC-4975C181565C}"/>
    <dgm:cxn modelId="{B9A028C7-D23E-4E2B-8449-B745AD86E924}" type="presOf" srcId="{F0F4CF51-EB10-430F-8682-FCDF0A7B4548}" destId="{B3664BB3-6483-4396-947A-4F85C817A996}" srcOrd="0" destOrd="0" presId="urn:microsoft.com/office/officeart/2005/8/layout/bList2"/>
    <dgm:cxn modelId="{96F9ACD7-136D-4DA1-BA63-3385D38B5935}" type="presOf" srcId="{9E2033D5-F635-4215-96FB-F145B6B9844E}" destId="{12334DBF-5B11-4F00-8EF6-3B31AF17AC5E}" srcOrd="1" destOrd="0" presId="urn:microsoft.com/office/officeart/2005/8/layout/bList2"/>
    <dgm:cxn modelId="{BA4780DB-50AD-4EE8-AE69-B9F9D992A431}" type="presOf" srcId="{7C014077-7B55-4E6F-84BC-C8E3732C7C22}" destId="{B683597D-0927-4665-9837-3F6356C18B42}" srcOrd="0" destOrd="0" presId="urn:microsoft.com/office/officeart/2005/8/layout/bList2"/>
    <dgm:cxn modelId="{33761CE0-F22B-4A24-9BAA-A29CB7B7F136}" type="presOf" srcId="{BBFAD4F7-7A42-458B-9CCE-AE2455D9FB57}" destId="{4083AB45-47BE-496E-895C-B6A26F1456CB}" srcOrd="0" destOrd="0" presId="urn:microsoft.com/office/officeart/2005/8/layout/bList2"/>
    <dgm:cxn modelId="{9DFBCFF8-7C1D-4C3A-8463-BAF1614159F2}" type="presOf" srcId="{3D2B7D01-A080-4F3E-A510-B96A9A8E3E61}" destId="{C878F74D-1942-4930-9FE1-0E26F53D3D47}" srcOrd="0" destOrd="0" presId="urn:microsoft.com/office/officeart/2005/8/layout/bList2"/>
    <dgm:cxn modelId="{2246D3FD-67A9-44EB-8F5F-9531FE7587E2}" type="presOf" srcId="{F0F4CF51-EB10-430F-8682-FCDF0A7B4548}" destId="{1DBA0CF8-ACE0-4098-9C2B-F19454972558}" srcOrd="1" destOrd="0" presId="urn:microsoft.com/office/officeart/2005/8/layout/bList2"/>
    <dgm:cxn modelId="{EA7FECC1-E613-40AE-8187-13171041DBCE}" type="presParOf" srcId="{46E5E31A-98F1-432F-8B71-4B364C4A3EDD}" destId="{1E8D315E-D6DC-4C36-880E-13750AA1CC5D}" srcOrd="0" destOrd="0" presId="urn:microsoft.com/office/officeart/2005/8/layout/bList2"/>
    <dgm:cxn modelId="{D37B089E-B7D9-4595-879B-906A9EE0D31F}" type="presParOf" srcId="{1E8D315E-D6DC-4C36-880E-13750AA1CC5D}" destId="{8870D052-58C0-49EA-88DF-E0D141B0BB34}" srcOrd="0" destOrd="0" presId="urn:microsoft.com/office/officeart/2005/8/layout/bList2"/>
    <dgm:cxn modelId="{84709235-894B-423B-B935-F43AF5ADD8D3}" type="presParOf" srcId="{1E8D315E-D6DC-4C36-880E-13750AA1CC5D}" destId="{C843A786-23EF-4F34-BE2A-D3DCA956E136}" srcOrd="1" destOrd="0" presId="urn:microsoft.com/office/officeart/2005/8/layout/bList2"/>
    <dgm:cxn modelId="{46EDB860-D8F7-40D6-8809-7CDACAF40E04}" type="presParOf" srcId="{1E8D315E-D6DC-4C36-880E-13750AA1CC5D}" destId="{12334DBF-5B11-4F00-8EF6-3B31AF17AC5E}" srcOrd="2" destOrd="0" presId="urn:microsoft.com/office/officeart/2005/8/layout/bList2"/>
    <dgm:cxn modelId="{24767489-C430-4E19-9692-F6A6AD3EB670}" type="presParOf" srcId="{1E8D315E-D6DC-4C36-880E-13750AA1CC5D}" destId="{7B532F04-9561-47D8-BCF9-FB5D926D8AF9}" srcOrd="3" destOrd="0" presId="urn:microsoft.com/office/officeart/2005/8/layout/bList2"/>
    <dgm:cxn modelId="{EA4469A9-5A94-4392-B3E4-D1FC61EAA0E1}" type="presParOf" srcId="{46E5E31A-98F1-432F-8B71-4B364C4A3EDD}" destId="{B683597D-0927-4665-9837-3F6356C18B42}" srcOrd="1" destOrd="0" presId="urn:microsoft.com/office/officeart/2005/8/layout/bList2"/>
    <dgm:cxn modelId="{316C6881-39FD-42FC-9D88-F471B83CD47A}" type="presParOf" srcId="{46E5E31A-98F1-432F-8B71-4B364C4A3EDD}" destId="{52709FD2-408F-43A2-9F98-C19EDBA22477}" srcOrd="2" destOrd="0" presId="urn:microsoft.com/office/officeart/2005/8/layout/bList2"/>
    <dgm:cxn modelId="{4134C237-EEA7-479B-BD69-74536DF811CE}" type="presParOf" srcId="{52709FD2-408F-43A2-9F98-C19EDBA22477}" destId="{AE262A03-B1CF-4F25-88CF-749ACC899ACB}" srcOrd="0" destOrd="0" presId="urn:microsoft.com/office/officeart/2005/8/layout/bList2"/>
    <dgm:cxn modelId="{A5372D1D-0BA3-422C-8325-25A1AF095D40}" type="presParOf" srcId="{52709FD2-408F-43A2-9F98-C19EDBA22477}" destId="{AD3520C2-D852-476A-B72B-DF14A3CB72BE}" srcOrd="1" destOrd="0" presId="urn:microsoft.com/office/officeart/2005/8/layout/bList2"/>
    <dgm:cxn modelId="{0E206C93-0F61-4FDC-AE44-E0A1AED10808}" type="presParOf" srcId="{52709FD2-408F-43A2-9F98-C19EDBA22477}" destId="{FEE1942B-2F1E-4848-A3C3-20201C8592B4}" srcOrd="2" destOrd="0" presId="urn:microsoft.com/office/officeart/2005/8/layout/bList2"/>
    <dgm:cxn modelId="{9D92E68D-795E-43A9-BA1A-20DB36647A71}" type="presParOf" srcId="{52709FD2-408F-43A2-9F98-C19EDBA22477}" destId="{2A8B7289-4530-473E-9601-5E16EC766FB7}" srcOrd="3" destOrd="0" presId="urn:microsoft.com/office/officeart/2005/8/layout/bList2"/>
    <dgm:cxn modelId="{CDD58D4C-386F-493E-BE86-4C23C425C0CF}" type="presParOf" srcId="{46E5E31A-98F1-432F-8B71-4B364C4A3EDD}" destId="{C878F74D-1942-4930-9FE1-0E26F53D3D47}" srcOrd="3" destOrd="0" presId="urn:microsoft.com/office/officeart/2005/8/layout/bList2"/>
    <dgm:cxn modelId="{B3E9FEE2-BE35-4BFF-98DF-819AF32748E1}" type="presParOf" srcId="{46E5E31A-98F1-432F-8B71-4B364C4A3EDD}" destId="{EED01AFD-11B8-455E-8168-4772275DA415}" srcOrd="4" destOrd="0" presId="urn:microsoft.com/office/officeart/2005/8/layout/bList2"/>
    <dgm:cxn modelId="{E75B2B7A-5D3A-490C-953D-5C075A545342}" type="presParOf" srcId="{EED01AFD-11B8-455E-8168-4772275DA415}" destId="{F291119F-B4FD-4058-9702-E5AD24122365}" srcOrd="0" destOrd="0" presId="urn:microsoft.com/office/officeart/2005/8/layout/bList2"/>
    <dgm:cxn modelId="{4EE77D47-2301-4126-A0B6-0CC99FA9F894}" type="presParOf" srcId="{EED01AFD-11B8-455E-8168-4772275DA415}" destId="{4083AB45-47BE-496E-895C-B6A26F1456CB}" srcOrd="1" destOrd="0" presId="urn:microsoft.com/office/officeart/2005/8/layout/bList2"/>
    <dgm:cxn modelId="{062D40DE-B346-4DE5-BFF7-72BABB0A69BB}" type="presParOf" srcId="{EED01AFD-11B8-455E-8168-4772275DA415}" destId="{1F5B1EBE-7012-4CC6-B843-C936B893C684}" srcOrd="2" destOrd="0" presId="urn:microsoft.com/office/officeart/2005/8/layout/bList2"/>
    <dgm:cxn modelId="{D42EE6B1-4B9A-4433-9EC9-2EE32849AB80}" type="presParOf" srcId="{EED01AFD-11B8-455E-8168-4772275DA415}" destId="{3D4774D3-7EE4-42FF-82D5-541C8BB28C2D}" srcOrd="3" destOrd="0" presId="urn:microsoft.com/office/officeart/2005/8/layout/bList2"/>
    <dgm:cxn modelId="{D1AACCD8-2319-42EF-867A-901ABC5A5F95}" type="presParOf" srcId="{46E5E31A-98F1-432F-8B71-4B364C4A3EDD}" destId="{32C54C53-BAE5-428C-BF05-67CAA040AF83}" srcOrd="5" destOrd="0" presId="urn:microsoft.com/office/officeart/2005/8/layout/bList2"/>
    <dgm:cxn modelId="{FA8DDD65-D261-44B9-BD38-47B3165E4219}" type="presParOf" srcId="{46E5E31A-98F1-432F-8B71-4B364C4A3EDD}" destId="{E63F4B4D-4CCE-45FC-AA48-90D76366E685}" srcOrd="6" destOrd="0" presId="urn:microsoft.com/office/officeart/2005/8/layout/bList2"/>
    <dgm:cxn modelId="{F6D598C9-E066-4B7C-8C0C-1C7E4CD125C5}" type="presParOf" srcId="{E63F4B4D-4CCE-45FC-AA48-90D76366E685}" destId="{7E16BCD6-25A5-4E3A-AAA9-F461C10AD0EE}" srcOrd="0" destOrd="0" presId="urn:microsoft.com/office/officeart/2005/8/layout/bList2"/>
    <dgm:cxn modelId="{9DB0483D-B3C8-4B1F-B71C-C501007AFD80}" type="presParOf" srcId="{E63F4B4D-4CCE-45FC-AA48-90D76366E685}" destId="{B3664BB3-6483-4396-947A-4F85C817A996}" srcOrd="1" destOrd="0" presId="urn:microsoft.com/office/officeart/2005/8/layout/bList2"/>
    <dgm:cxn modelId="{735469DD-6BD6-4931-8910-62A54E700E42}" type="presParOf" srcId="{E63F4B4D-4CCE-45FC-AA48-90D76366E685}" destId="{1DBA0CF8-ACE0-4098-9C2B-F19454972558}" srcOrd="2" destOrd="0" presId="urn:microsoft.com/office/officeart/2005/8/layout/bList2"/>
    <dgm:cxn modelId="{E034635A-1239-41D6-BF6F-F8F1BAC79EDE}" type="presParOf" srcId="{E63F4B4D-4CCE-45FC-AA48-90D76366E685}" destId="{A093B6B6-83BE-4113-BD95-7064D2946CAB}" srcOrd="3" destOrd="0" presId="urn:microsoft.com/office/officeart/2005/8/layout/b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A7E6A0BE-2582-4224-B201-4AB64FABEEC9}" type="doc">
      <dgm:prSet loTypeId="urn:microsoft.com/office/officeart/2016/7/layout/VerticalSolidActionList" loCatId="List" qsTypeId="urn:microsoft.com/office/officeart/2005/8/quickstyle/simple1" qsCatId="simple" csTypeId="urn:microsoft.com/office/officeart/2005/8/colors/accent1_3" csCatId="accent1" phldr="1"/>
      <dgm:spPr/>
      <dgm:t>
        <a:bodyPr/>
        <a:lstStyle/>
        <a:p>
          <a:endParaRPr lang="en-US"/>
        </a:p>
      </dgm:t>
    </dgm:pt>
    <dgm:pt modelId="{687A8C4B-5609-40BD-8436-9628C173F054}">
      <dgm:prSet/>
      <dgm:spPr/>
      <dgm:t>
        <a:bodyPr/>
        <a:lstStyle/>
        <a:p>
          <a:r>
            <a:rPr lang="en-US" dirty="0"/>
            <a:t>verb</a:t>
          </a:r>
        </a:p>
      </dgm:t>
    </dgm:pt>
    <dgm:pt modelId="{2062F001-5A8F-482A-A891-C985D6213A93}" type="parTrans" cxnId="{3853DBE9-2481-416C-AE99-E99E18A02063}">
      <dgm:prSet/>
      <dgm:spPr/>
      <dgm:t>
        <a:bodyPr/>
        <a:lstStyle/>
        <a:p>
          <a:endParaRPr lang="en-US"/>
        </a:p>
      </dgm:t>
    </dgm:pt>
    <dgm:pt modelId="{7AB0492D-67B0-4AC4-B628-E85B0E173C6B}" type="sibTrans" cxnId="{3853DBE9-2481-416C-AE99-E99E18A02063}">
      <dgm:prSet/>
      <dgm:spPr/>
      <dgm:t>
        <a:bodyPr/>
        <a:lstStyle/>
        <a:p>
          <a:endParaRPr lang="en-US"/>
        </a:p>
      </dgm:t>
    </dgm:pt>
    <dgm:pt modelId="{35C2EB51-EFAC-4349-BA5C-C47DE79022C2}">
      <dgm:prSet/>
      <dgm:spPr/>
      <dgm:t>
        <a:bodyPr/>
        <a:lstStyle/>
        <a:p>
          <a:r>
            <a:rPr lang="en-US"/>
            <a:t>Outcome description</a:t>
          </a:r>
          <a:endParaRPr lang="en-US" dirty="0"/>
        </a:p>
      </dgm:t>
    </dgm:pt>
    <dgm:pt modelId="{1558F9BF-52FC-4E29-9D64-CBA0AD7E9047}" type="parTrans" cxnId="{E3AEF484-A680-48ED-A109-4107DCD2A742}">
      <dgm:prSet/>
      <dgm:spPr/>
      <dgm:t>
        <a:bodyPr/>
        <a:lstStyle/>
        <a:p>
          <a:endParaRPr lang="en-US"/>
        </a:p>
      </dgm:t>
    </dgm:pt>
    <dgm:pt modelId="{904D8230-4027-472B-9DDA-25EC6846A52C}" type="sibTrans" cxnId="{E3AEF484-A680-48ED-A109-4107DCD2A742}">
      <dgm:prSet/>
      <dgm:spPr/>
      <dgm:t>
        <a:bodyPr/>
        <a:lstStyle/>
        <a:p>
          <a:endParaRPr lang="en-US"/>
        </a:p>
      </dgm:t>
    </dgm:pt>
    <dgm:pt modelId="{03E2082B-4A1B-4DB0-A0DD-BC58D5B7AC5E}">
      <dgm:prSet/>
      <dgm:spPr/>
      <dgm:t>
        <a:bodyPr/>
        <a:lstStyle/>
        <a:p>
          <a:r>
            <a:rPr lang="en-US" dirty="0"/>
            <a:t>verb</a:t>
          </a:r>
        </a:p>
      </dgm:t>
    </dgm:pt>
    <dgm:pt modelId="{4660473B-1007-4103-B5EC-C64273DD94A1}" type="parTrans" cxnId="{80A40C2B-8740-4D70-BAD7-5F61051C1E92}">
      <dgm:prSet/>
      <dgm:spPr/>
      <dgm:t>
        <a:bodyPr/>
        <a:lstStyle/>
        <a:p>
          <a:endParaRPr lang="en-US"/>
        </a:p>
      </dgm:t>
    </dgm:pt>
    <dgm:pt modelId="{05C2F544-771B-4219-9F63-5514D6A62317}" type="sibTrans" cxnId="{80A40C2B-8740-4D70-BAD7-5F61051C1E92}">
      <dgm:prSet/>
      <dgm:spPr/>
      <dgm:t>
        <a:bodyPr/>
        <a:lstStyle/>
        <a:p>
          <a:endParaRPr lang="en-US"/>
        </a:p>
      </dgm:t>
    </dgm:pt>
    <dgm:pt modelId="{11111F6B-024F-40B1-90F9-836A4BC1D166}">
      <dgm:prSet/>
      <dgm:spPr/>
      <dgm:t>
        <a:bodyPr/>
        <a:lstStyle/>
        <a:p>
          <a:r>
            <a:rPr lang="en-US" dirty="0"/>
            <a:t>Outcome description</a:t>
          </a:r>
        </a:p>
      </dgm:t>
    </dgm:pt>
    <dgm:pt modelId="{32262A54-9553-4D51-B2F6-42E4A7682BE6}" type="parTrans" cxnId="{8E4505E2-B876-4A60-AE29-D944344C4D85}">
      <dgm:prSet/>
      <dgm:spPr/>
      <dgm:t>
        <a:bodyPr/>
        <a:lstStyle/>
        <a:p>
          <a:endParaRPr lang="en-US"/>
        </a:p>
      </dgm:t>
    </dgm:pt>
    <dgm:pt modelId="{7BB4BF43-6E82-4BC6-805C-4FDCCA3DD2E6}" type="sibTrans" cxnId="{8E4505E2-B876-4A60-AE29-D944344C4D85}">
      <dgm:prSet/>
      <dgm:spPr/>
      <dgm:t>
        <a:bodyPr/>
        <a:lstStyle/>
        <a:p>
          <a:endParaRPr lang="en-US"/>
        </a:p>
      </dgm:t>
    </dgm:pt>
    <dgm:pt modelId="{3BFDFDC1-CDD9-4283-AC87-2BD1FAC24BC5}">
      <dgm:prSet/>
      <dgm:spPr/>
      <dgm:t>
        <a:bodyPr/>
        <a:lstStyle/>
        <a:p>
          <a:r>
            <a:rPr lang="en-US"/>
            <a:t>verb</a:t>
          </a:r>
          <a:endParaRPr lang="en-US" dirty="0"/>
        </a:p>
      </dgm:t>
    </dgm:pt>
    <dgm:pt modelId="{55D79041-93AE-40EB-8CDB-34E09E60D698}" type="parTrans" cxnId="{83CD6B7E-6F34-4747-BBC6-A09B3A7425F7}">
      <dgm:prSet/>
      <dgm:spPr/>
      <dgm:t>
        <a:bodyPr/>
        <a:lstStyle/>
        <a:p>
          <a:endParaRPr lang="en-US"/>
        </a:p>
      </dgm:t>
    </dgm:pt>
    <dgm:pt modelId="{D77505CD-2A4D-4671-ACF1-68010D0E9C82}" type="sibTrans" cxnId="{83CD6B7E-6F34-4747-BBC6-A09B3A7425F7}">
      <dgm:prSet/>
      <dgm:spPr/>
      <dgm:t>
        <a:bodyPr/>
        <a:lstStyle/>
        <a:p>
          <a:endParaRPr lang="en-US"/>
        </a:p>
      </dgm:t>
    </dgm:pt>
    <dgm:pt modelId="{CC3DA13B-40A1-4591-83AC-C023756FB385}">
      <dgm:prSet/>
      <dgm:spPr/>
      <dgm:t>
        <a:bodyPr/>
        <a:lstStyle/>
        <a:p>
          <a:r>
            <a:rPr lang="en-US" dirty="0"/>
            <a:t>Outcome description</a:t>
          </a:r>
        </a:p>
      </dgm:t>
    </dgm:pt>
    <dgm:pt modelId="{FB349654-1297-4FD7-BD8D-7A02836AB787}" type="parTrans" cxnId="{E797E8CB-7CA5-4405-B5E4-C3FF2035D568}">
      <dgm:prSet/>
      <dgm:spPr/>
      <dgm:t>
        <a:bodyPr/>
        <a:lstStyle/>
        <a:p>
          <a:endParaRPr lang="en-US"/>
        </a:p>
      </dgm:t>
    </dgm:pt>
    <dgm:pt modelId="{447C2093-D39F-4C6E-93E2-2319F70FFD4F}" type="sibTrans" cxnId="{E797E8CB-7CA5-4405-B5E4-C3FF2035D568}">
      <dgm:prSet/>
      <dgm:spPr/>
      <dgm:t>
        <a:bodyPr/>
        <a:lstStyle/>
        <a:p>
          <a:endParaRPr lang="en-US"/>
        </a:p>
      </dgm:t>
    </dgm:pt>
    <dgm:pt modelId="{4C535FA6-7F4F-4C9B-9F4D-C4B934CAF648}">
      <dgm:prSet/>
      <dgm:spPr/>
      <dgm:t>
        <a:bodyPr/>
        <a:lstStyle/>
        <a:p>
          <a:r>
            <a:rPr lang="en-US"/>
            <a:t>verb</a:t>
          </a:r>
          <a:endParaRPr lang="en-US" dirty="0"/>
        </a:p>
      </dgm:t>
    </dgm:pt>
    <dgm:pt modelId="{CD10C9E9-F6F1-4105-B338-B0CC3C6180B0}" type="parTrans" cxnId="{A05DDFB0-20C3-4FCA-85E1-48B572E073EA}">
      <dgm:prSet/>
      <dgm:spPr/>
      <dgm:t>
        <a:bodyPr/>
        <a:lstStyle/>
        <a:p>
          <a:endParaRPr lang="en-US"/>
        </a:p>
      </dgm:t>
    </dgm:pt>
    <dgm:pt modelId="{C1A6C562-EB38-4507-9CB4-773EC3F2A20F}" type="sibTrans" cxnId="{A05DDFB0-20C3-4FCA-85E1-48B572E073EA}">
      <dgm:prSet/>
      <dgm:spPr/>
      <dgm:t>
        <a:bodyPr/>
        <a:lstStyle/>
        <a:p>
          <a:endParaRPr lang="en-US"/>
        </a:p>
      </dgm:t>
    </dgm:pt>
    <dgm:pt modelId="{74400C66-5463-4459-A3EF-506617496463}">
      <dgm:prSet/>
      <dgm:spPr/>
      <dgm:t>
        <a:bodyPr/>
        <a:lstStyle/>
        <a:p>
          <a:r>
            <a:rPr lang="en-US" dirty="0"/>
            <a:t>Outcome description</a:t>
          </a:r>
        </a:p>
      </dgm:t>
    </dgm:pt>
    <dgm:pt modelId="{02528FB9-C87C-481B-A742-558D5FABFAC4}" type="parTrans" cxnId="{CFC021D6-77BA-4F76-9348-8097AE6FB28F}">
      <dgm:prSet/>
      <dgm:spPr/>
      <dgm:t>
        <a:bodyPr/>
        <a:lstStyle/>
        <a:p>
          <a:endParaRPr lang="en-US"/>
        </a:p>
      </dgm:t>
    </dgm:pt>
    <dgm:pt modelId="{25F44EEC-2080-48F0-BED6-DC347FF0B886}" type="sibTrans" cxnId="{CFC021D6-77BA-4F76-9348-8097AE6FB28F}">
      <dgm:prSet/>
      <dgm:spPr/>
      <dgm:t>
        <a:bodyPr/>
        <a:lstStyle/>
        <a:p>
          <a:endParaRPr lang="en-US"/>
        </a:p>
      </dgm:t>
    </dgm:pt>
    <dgm:pt modelId="{D8854AFF-AB75-4E16-829B-95DCFB3102BF}" type="pres">
      <dgm:prSet presAssocID="{A7E6A0BE-2582-4224-B201-4AB64FABEEC9}" presName="Name0" presStyleCnt="0">
        <dgm:presLayoutVars>
          <dgm:dir/>
          <dgm:animLvl val="lvl"/>
          <dgm:resizeHandles val="exact"/>
        </dgm:presLayoutVars>
      </dgm:prSet>
      <dgm:spPr/>
    </dgm:pt>
    <dgm:pt modelId="{7A6D4D25-5061-44D8-897C-41C74A53646A}" type="pres">
      <dgm:prSet presAssocID="{687A8C4B-5609-40BD-8436-9628C173F054}" presName="linNode" presStyleCnt="0"/>
      <dgm:spPr/>
    </dgm:pt>
    <dgm:pt modelId="{D5682365-F6E0-46A7-84B6-9AC2A9B73050}" type="pres">
      <dgm:prSet presAssocID="{687A8C4B-5609-40BD-8436-9628C173F054}" presName="parentText" presStyleLbl="alignNode1" presStyleIdx="0" presStyleCnt="4">
        <dgm:presLayoutVars>
          <dgm:chMax val="1"/>
          <dgm:bulletEnabled/>
        </dgm:presLayoutVars>
      </dgm:prSet>
      <dgm:spPr/>
    </dgm:pt>
    <dgm:pt modelId="{C21121DA-7DBB-4CF3-B922-4F81CD5DF04E}" type="pres">
      <dgm:prSet presAssocID="{687A8C4B-5609-40BD-8436-9628C173F054}" presName="descendantText" presStyleLbl="alignAccFollowNode1" presStyleIdx="0" presStyleCnt="4">
        <dgm:presLayoutVars>
          <dgm:bulletEnabled/>
        </dgm:presLayoutVars>
      </dgm:prSet>
      <dgm:spPr/>
    </dgm:pt>
    <dgm:pt modelId="{AE71FA42-CFF5-42DF-89EC-A2B9ACCF4B28}" type="pres">
      <dgm:prSet presAssocID="{7AB0492D-67B0-4AC4-B628-E85B0E173C6B}" presName="sp" presStyleCnt="0"/>
      <dgm:spPr/>
    </dgm:pt>
    <dgm:pt modelId="{CE1CC46E-34B6-425D-87B4-BF75A49F5B37}" type="pres">
      <dgm:prSet presAssocID="{03E2082B-4A1B-4DB0-A0DD-BC58D5B7AC5E}" presName="linNode" presStyleCnt="0"/>
      <dgm:spPr/>
    </dgm:pt>
    <dgm:pt modelId="{04EC8E47-C7DD-4FEB-B884-83B8AF4BD083}" type="pres">
      <dgm:prSet presAssocID="{03E2082B-4A1B-4DB0-A0DD-BC58D5B7AC5E}" presName="parentText" presStyleLbl="alignNode1" presStyleIdx="1" presStyleCnt="4">
        <dgm:presLayoutVars>
          <dgm:chMax val="1"/>
          <dgm:bulletEnabled/>
        </dgm:presLayoutVars>
      </dgm:prSet>
      <dgm:spPr/>
    </dgm:pt>
    <dgm:pt modelId="{BC8163C9-505D-4E86-A4FB-039665E95329}" type="pres">
      <dgm:prSet presAssocID="{03E2082B-4A1B-4DB0-A0DD-BC58D5B7AC5E}" presName="descendantText" presStyleLbl="alignAccFollowNode1" presStyleIdx="1" presStyleCnt="4">
        <dgm:presLayoutVars>
          <dgm:bulletEnabled/>
        </dgm:presLayoutVars>
      </dgm:prSet>
      <dgm:spPr/>
    </dgm:pt>
    <dgm:pt modelId="{0E8A8AA0-3840-4DA0-98CF-459714F259AF}" type="pres">
      <dgm:prSet presAssocID="{05C2F544-771B-4219-9F63-5514D6A62317}" presName="sp" presStyleCnt="0"/>
      <dgm:spPr/>
    </dgm:pt>
    <dgm:pt modelId="{5843CFFE-6970-40B2-AE4A-82B33105CC39}" type="pres">
      <dgm:prSet presAssocID="{3BFDFDC1-CDD9-4283-AC87-2BD1FAC24BC5}" presName="linNode" presStyleCnt="0"/>
      <dgm:spPr/>
    </dgm:pt>
    <dgm:pt modelId="{FB32A6EF-B728-4679-98D0-83F499031186}" type="pres">
      <dgm:prSet presAssocID="{3BFDFDC1-CDD9-4283-AC87-2BD1FAC24BC5}" presName="parentText" presStyleLbl="alignNode1" presStyleIdx="2" presStyleCnt="4">
        <dgm:presLayoutVars>
          <dgm:chMax val="1"/>
          <dgm:bulletEnabled/>
        </dgm:presLayoutVars>
      </dgm:prSet>
      <dgm:spPr/>
    </dgm:pt>
    <dgm:pt modelId="{3F430A38-D95C-4966-B5B4-5A2A1C264713}" type="pres">
      <dgm:prSet presAssocID="{3BFDFDC1-CDD9-4283-AC87-2BD1FAC24BC5}" presName="descendantText" presStyleLbl="alignAccFollowNode1" presStyleIdx="2" presStyleCnt="4">
        <dgm:presLayoutVars>
          <dgm:bulletEnabled/>
        </dgm:presLayoutVars>
      </dgm:prSet>
      <dgm:spPr/>
    </dgm:pt>
    <dgm:pt modelId="{883F6381-D1C3-47DB-8B77-0760DE936CF7}" type="pres">
      <dgm:prSet presAssocID="{D77505CD-2A4D-4671-ACF1-68010D0E9C82}" presName="sp" presStyleCnt="0"/>
      <dgm:spPr/>
    </dgm:pt>
    <dgm:pt modelId="{5FFA0094-54F9-4B27-8BC0-BE13BC017A73}" type="pres">
      <dgm:prSet presAssocID="{4C535FA6-7F4F-4C9B-9F4D-C4B934CAF648}" presName="linNode" presStyleCnt="0"/>
      <dgm:spPr/>
    </dgm:pt>
    <dgm:pt modelId="{AACE4CD8-DBC9-4346-B21F-EDBD97CFB3A7}" type="pres">
      <dgm:prSet presAssocID="{4C535FA6-7F4F-4C9B-9F4D-C4B934CAF648}" presName="parentText" presStyleLbl="alignNode1" presStyleIdx="3" presStyleCnt="4">
        <dgm:presLayoutVars>
          <dgm:chMax val="1"/>
          <dgm:bulletEnabled/>
        </dgm:presLayoutVars>
      </dgm:prSet>
      <dgm:spPr/>
    </dgm:pt>
    <dgm:pt modelId="{3282E897-0711-4F9C-B66F-028BB2D640F2}" type="pres">
      <dgm:prSet presAssocID="{4C535FA6-7F4F-4C9B-9F4D-C4B934CAF648}" presName="descendantText" presStyleLbl="alignAccFollowNode1" presStyleIdx="3" presStyleCnt="4">
        <dgm:presLayoutVars>
          <dgm:bulletEnabled/>
        </dgm:presLayoutVars>
      </dgm:prSet>
      <dgm:spPr/>
    </dgm:pt>
  </dgm:ptLst>
  <dgm:cxnLst>
    <dgm:cxn modelId="{23CAAD25-052B-4D81-8E61-7E6D6A09A5C7}" type="presOf" srcId="{CC3DA13B-40A1-4591-83AC-C023756FB385}" destId="{3F430A38-D95C-4966-B5B4-5A2A1C264713}" srcOrd="0" destOrd="0" presId="urn:microsoft.com/office/officeart/2016/7/layout/VerticalSolidActionList"/>
    <dgm:cxn modelId="{80A40C2B-8740-4D70-BAD7-5F61051C1E92}" srcId="{A7E6A0BE-2582-4224-B201-4AB64FABEEC9}" destId="{03E2082B-4A1B-4DB0-A0DD-BC58D5B7AC5E}" srcOrd="1" destOrd="0" parTransId="{4660473B-1007-4103-B5EC-C64273DD94A1}" sibTransId="{05C2F544-771B-4219-9F63-5514D6A62317}"/>
    <dgm:cxn modelId="{F230AE42-CE5B-4CEB-B066-A5744906572D}" type="presOf" srcId="{35C2EB51-EFAC-4349-BA5C-C47DE79022C2}" destId="{C21121DA-7DBB-4CF3-B922-4F81CD5DF04E}" srcOrd="0" destOrd="0" presId="urn:microsoft.com/office/officeart/2016/7/layout/VerticalSolidActionList"/>
    <dgm:cxn modelId="{64D9F973-8E90-4DF9-B9C1-6DBD63877F5E}" type="presOf" srcId="{11111F6B-024F-40B1-90F9-836A4BC1D166}" destId="{BC8163C9-505D-4E86-A4FB-039665E95329}" srcOrd="0" destOrd="0" presId="urn:microsoft.com/office/officeart/2016/7/layout/VerticalSolidActionList"/>
    <dgm:cxn modelId="{E9D71054-1157-46EE-B670-B2EDF9B76036}" type="presOf" srcId="{687A8C4B-5609-40BD-8436-9628C173F054}" destId="{D5682365-F6E0-46A7-84B6-9AC2A9B73050}" srcOrd="0" destOrd="0" presId="urn:microsoft.com/office/officeart/2016/7/layout/VerticalSolidActionList"/>
    <dgm:cxn modelId="{83CD6B7E-6F34-4747-BBC6-A09B3A7425F7}" srcId="{A7E6A0BE-2582-4224-B201-4AB64FABEEC9}" destId="{3BFDFDC1-CDD9-4283-AC87-2BD1FAC24BC5}" srcOrd="2" destOrd="0" parTransId="{55D79041-93AE-40EB-8CDB-34E09E60D698}" sibTransId="{D77505CD-2A4D-4671-ACF1-68010D0E9C82}"/>
    <dgm:cxn modelId="{3E8B0281-080E-4499-823D-AA74D5EC5074}" type="presOf" srcId="{3BFDFDC1-CDD9-4283-AC87-2BD1FAC24BC5}" destId="{FB32A6EF-B728-4679-98D0-83F499031186}" srcOrd="0" destOrd="0" presId="urn:microsoft.com/office/officeart/2016/7/layout/VerticalSolidActionList"/>
    <dgm:cxn modelId="{E3AEF484-A680-48ED-A109-4107DCD2A742}" srcId="{687A8C4B-5609-40BD-8436-9628C173F054}" destId="{35C2EB51-EFAC-4349-BA5C-C47DE79022C2}" srcOrd="0" destOrd="0" parTransId="{1558F9BF-52FC-4E29-9D64-CBA0AD7E9047}" sibTransId="{904D8230-4027-472B-9DDA-25EC6846A52C}"/>
    <dgm:cxn modelId="{78AC5F94-47E1-4876-8F4D-543409544701}" type="presOf" srcId="{03E2082B-4A1B-4DB0-A0DD-BC58D5B7AC5E}" destId="{04EC8E47-C7DD-4FEB-B884-83B8AF4BD083}" srcOrd="0" destOrd="0" presId="urn:microsoft.com/office/officeart/2016/7/layout/VerticalSolidActionList"/>
    <dgm:cxn modelId="{A05DDFB0-20C3-4FCA-85E1-48B572E073EA}" srcId="{A7E6A0BE-2582-4224-B201-4AB64FABEEC9}" destId="{4C535FA6-7F4F-4C9B-9F4D-C4B934CAF648}" srcOrd="3" destOrd="0" parTransId="{CD10C9E9-F6F1-4105-B338-B0CC3C6180B0}" sibTransId="{C1A6C562-EB38-4507-9CB4-773EC3F2A20F}"/>
    <dgm:cxn modelId="{F78A03B6-B19F-4544-A7C7-2ACE102BCDA3}" type="presOf" srcId="{4C535FA6-7F4F-4C9B-9F4D-C4B934CAF648}" destId="{AACE4CD8-DBC9-4346-B21F-EDBD97CFB3A7}" srcOrd="0" destOrd="0" presId="urn:microsoft.com/office/officeart/2016/7/layout/VerticalSolidActionList"/>
    <dgm:cxn modelId="{287EFBBA-1A38-4E69-B3A3-10BABD77F76F}" type="presOf" srcId="{A7E6A0BE-2582-4224-B201-4AB64FABEEC9}" destId="{D8854AFF-AB75-4E16-829B-95DCFB3102BF}" srcOrd="0" destOrd="0" presId="urn:microsoft.com/office/officeart/2016/7/layout/VerticalSolidActionList"/>
    <dgm:cxn modelId="{E797E8CB-7CA5-4405-B5E4-C3FF2035D568}" srcId="{3BFDFDC1-CDD9-4283-AC87-2BD1FAC24BC5}" destId="{CC3DA13B-40A1-4591-83AC-C023756FB385}" srcOrd="0" destOrd="0" parTransId="{FB349654-1297-4FD7-BD8D-7A02836AB787}" sibTransId="{447C2093-D39F-4C6E-93E2-2319F70FFD4F}"/>
    <dgm:cxn modelId="{2FCD40CD-B4CE-44D9-B349-FCA660F1399B}" type="presOf" srcId="{74400C66-5463-4459-A3EF-506617496463}" destId="{3282E897-0711-4F9C-B66F-028BB2D640F2}" srcOrd="0" destOrd="0" presId="urn:microsoft.com/office/officeart/2016/7/layout/VerticalSolidActionList"/>
    <dgm:cxn modelId="{CFC021D6-77BA-4F76-9348-8097AE6FB28F}" srcId="{4C535FA6-7F4F-4C9B-9F4D-C4B934CAF648}" destId="{74400C66-5463-4459-A3EF-506617496463}" srcOrd="0" destOrd="0" parTransId="{02528FB9-C87C-481B-A742-558D5FABFAC4}" sibTransId="{25F44EEC-2080-48F0-BED6-DC347FF0B886}"/>
    <dgm:cxn modelId="{8E4505E2-B876-4A60-AE29-D944344C4D85}" srcId="{03E2082B-4A1B-4DB0-A0DD-BC58D5B7AC5E}" destId="{11111F6B-024F-40B1-90F9-836A4BC1D166}" srcOrd="0" destOrd="0" parTransId="{32262A54-9553-4D51-B2F6-42E4A7682BE6}" sibTransId="{7BB4BF43-6E82-4BC6-805C-4FDCCA3DD2E6}"/>
    <dgm:cxn modelId="{3853DBE9-2481-416C-AE99-E99E18A02063}" srcId="{A7E6A0BE-2582-4224-B201-4AB64FABEEC9}" destId="{687A8C4B-5609-40BD-8436-9628C173F054}" srcOrd="0" destOrd="0" parTransId="{2062F001-5A8F-482A-A891-C985D6213A93}" sibTransId="{7AB0492D-67B0-4AC4-B628-E85B0E173C6B}"/>
    <dgm:cxn modelId="{2FECBDFE-DEF5-4D4A-B2F8-D571BAD7AD9B}" type="presParOf" srcId="{D8854AFF-AB75-4E16-829B-95DCFB3102BF}" destId="{7A6D4D25-5061-44D8-897C-41C74A53646A}" srcOrd="0" destOrd="0" presId="urn:microsoft.com/office/officeart/2016/7/layout/VerticalSolidActionList"/>
    <dgm:cxn modelId="{326AF4F4-3A6C-4D45-A6FA-3298329F79D4}" type="presParOf" srcId="{7A6D4D25-5061-44D8-897C-41C74A53646A}" destId="{D5682365-F6E0-46A7-84B6-9AC2A9B73050}" srcOrd="0" destOrd="0" presId="urn:microsoft.com/office/officeart/2016/7/layout/VerticalSolidActionList"/>
    <dgm:cxn modelId="{6DE057ED-0F40-4DAF-AD6B-0570FF635A7C}" type="presParOf" srcId="{7A6D4D25-5061-44D8-897C-41C74A53646A}" destId="{C21121DA-7DBB-4CF3-B922-4F81CD5DF04E}" srcOrd="1" destOrd="0" presId="urn:microsoft.com/office/officeart/2016/7/layout/VerticalSolidActionList"/>
    <dgm:cxn modelId="{A3832B21-5CBB-4C74-B6FF-245160993FC3}" type="presParOf" srcId="{D8854AFF-AB75-4E16-829B-95DCFB3102BF}" destId="{AE71FA42-CFF5-42DF-89EC-A2B9ACCF4B28}" srcOrd="1" destOrd="0" presId="urn:microsoft.com/office/officeart/2016/7/layout/VerticalSolidActionList"/>
    <dgm:cxn modelId="{EBC65FF1-AC2D-4B6E-9839-A625A9BC6EEF}" type="presParOf" srcId="{D8854AFF-AB75-4E16-829B-95DCFB3102BF}" destId="{CE1CC46E-34B6-425D-87B4-BF75A49F5B37}" srcOrd="2" destOrd="0" presId="urn:microsoft.com/office/officeart/2016/7/layout/VerticalSolidActionList"/>
    <dgm:cxn modelId="{3F1FE1A6-92E6-45EE-A512-E7C151F96FBC}" type="presParOf" srcId="{CE1CC46E-34B6-425D-87B4-BF75A49F5B37}" destId="{04EC8E47-C7DD-4FEB-B884-83B8AF4BD083}" srcOrd="0" destOrd="0" presId="urn:microsoft.com/office/officeart/2016/7/layout/VerticalSolidActionList"/>
    <dgm:cxn modelId="{39CF6E73-E245-45B6-A9AD-78191468044A}" type="presParOf" srcId="{CE1CC46E-34B6-425D-87B4-BF75A49F5B37}" destId="{BC8163C9-505D-4E86-A4FB-039665E95329}" srcOrd="1" destOrd="0" presId="urn:microsoft.com/office/officeart/2016/7/layout/VerticalSolidActionList"/>
    <dgm:cxn modelId="{5DB14A49-D0DF-4B50-9786-B0287916EF2A}" type="presParOf" srcId="{D8854AFF-AB75-4E16-829B-95DCFB3102BF}" destId="{0E8A8AA0-3840-4DA0-98CF-459714F259AF}" srcOrd="3" destOrd="0" presId="urn:microsoft.com/office/officeart/2016/7/layout/VerticalSolidActionList"/>
    <dgm:cxn modelId="{099B6897-CDCA-4BD3-BB5A-049BB3586C41}" type="presParOf" srcId="{D8854AFF-AB75-4E16-829B-95DCFB3102BF}" destId="{5843CFFE-6970-40B2-AE4A-82B33105CC39}" srcOrd="4" destOrd="0" presId="urn:microsoft.com/office/officeart/2016/7/layout/VerticalSolidActionList"/>
    <dgm:cxn modelId="{D31CC0D9-3DCF-49C6-981E-3A827C95A2C6}" type="presParOf" srcId="{5843CFFE-6970-40B2-AE4A-82B33105CC39}" destId="{FB32A6EF-B728-4679-98D0-83F499031186}" srcOrd="0" destOrd="0" presId="urn:microsoft.com/office/officeart/2016/7/layout/VerticalSolidActionList"/>
    <dgm:cxn modelId="{90F7B4C4-A115-42E9-9CD2-983305160B59}" type="presParOf" srcId="{5843CFFE-6970-40B2-AE4A-82B33105CC39}" destId="{3F430A38-D95C-4966-B5B4-5A2A1C264713}" srcOrd="1" destOrd="0" presId="urn:microsoft.com/office/officeart/2016/7/layout/VerticalSolidActionList"/>
    <dgm:cxn modelId="{1C08C86E-EAA3-4564-A9C1-A4FFECCEE10D}" type="presParOf" srcId="{D8854AFF-AB75-4E16-829B-95DCFB3102BF}" destId="{883F6381-D1C3-47DB-8B77-0760DE936CF7}" srcOrd="5" destOrd="0" presId="urn:microsoft.com/office/officeart/2016/7/layout/VerticalSolidActionList"/>
    <dgm:cxn modelId="{EBF3D941-D62E-450B-A090-49C220AA45D8}" type="presParOf" srcId="{D8854AFF-AB75-4E16-829B-95DCFB3102BF}" destId="{5FFA0094-54F9-4B27-8BC0-BE13BC017A73}" srcOrd="6" destOrd="0" presId="urn:microsoft.com/office/officeart/2016/7/layout/VerticalSolidActionList"/>
    <dgm:cxn modelId="{28169644-47E7-46B7-9275-C2CDC165E049}" type="presParOf" srcId="{5FFA0094-54F9-4B27-8BC0-BE13BC017A73}" destId="{AACE4CD8-DBC9-4346-B21F-EDBD97CFB3A7}" srcOrd="0" destOrd="0" presId="urn:microsoft.com/office/officeart/2016/7/layout/VerticalSolidActionList"/>
    <dgm:cxn modelId="{B07BD1A9-1047-4BA9-928A-FF2D5F24EE8A}" type="presParOf" srcId="{5FFA0094-54F9-4B27-8BC0-BE13BC017A73}" destId="{3282E897-0711-4F9C-B66F-028BB2D640F2}" srcOrd="1" destOrd="0" presId="urn:microsoft.com/office/officeart/2016/7/layout/VerticalSolidAction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6C58D02-2877-419F-B58A-E49571EF410C}">
      <dsp:nvSpPr>
        <dsp:cNvPr id="0" name=""/>
        <dsp:cNvSpPr/>
      </dsp:nvSpPr>
      <dsp:spPr>
        <a:xfrm>
          <a:off x="4894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9BCF20-9ED7-4E81-AEDE-0355250E3FBB}">
      <dsp:nvSpPr>
        <dsp:cNvPr id="0" name=""/>
        <dsp:cNvSpPr/>
      </dsp:nvSpPr>
      <dsp:spPr>
        <a:xfrm>
          <a:off x="4894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4894" y="1959942"/>
        <a:ext cx="2329399" cy="864207"/>
      </dsp:txXfrm>
    </dsp:sp>
    <dsp:sp modelId="{71BFD3DE-8ED3-4DA5-807C-70D21163B563}">
      <dsp:nvSpPr>
        <dsp:cNvPr id="0" name=""/>
        <dsp:cNvSpPr/>
      </dsp:nvSpPr>
      <dsp:spPr>
        <a:xfrm>
          <a:off x="2567332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65169"/>
            <a:satOff val="-23158"/>
            <a:lumOff val="13541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4544AF3-6464-4840-B9E8-AF76F136BE37}">
      <dsp:nvSpPr>
        <dsp:cNvPr id="0" name=""/>
        <dsp:cNvSpPr/>
      </dsp:nvSpPr>
      <dsp:spPr>
        <a:xfrm>
          <a:off x="2567332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2567332" y="1959942"/>
        <a:ext cx="2329399" cy="864207"/>
      </dsp:txXfrm>
    </dsp:sp>
    <dsp:sp modelId="{387D96AD-1321-4178-A5EF-A3023DBFA890}">
      <dsp:nvSpPr>
        <dsp:cNvPr id="0" name=""/>
        <dsp:cNvSpPr/>
      </dsp:nvSpPr>
      <dsp:spPr>
        <a:xfrm>
          <a:off x="5129769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130339"/>
            <a:satOff val="-46316"/>
            <a:lumOff val="27082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2681C27-50C0-463F-AD96-7E524E67FCAC}">
      <dsp:nvSpPr>
        <dsp:cNvPr id="0" name=""/>
        <dsp:cNvSpPr/>
      </dsp:nvSpPr>
      <dsp:spPr>
        <a:xfrm>
          <a:off x="5129769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5129769" y="1959942"/>
        <a:ext cx="2329399" cy="864207"/>
      </dsp:txXfrm>
    </dsp:sp>
    <dsp:sp modelId="{14297EB4-7653-4B20-AF2D-CEEA1D94B23F}">
      <dsp:nvSpPr>
        <dsp:cNvPr id="0" name=""/>
        <dsp:cNvSpPr/>
      </dsp:nvSpPr>
      <dsp:spPr>
        <a:xfrm>
          <a:off x="7692207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195508"/>
            <a:satOff val="-69474"/>
            <a:lumOff val="4062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46A24B0-B35A-4D88-A092-A0498E0D87E2}">
      <dsp:nvSpPr>
        <dsp:cNvPr id="0" name=""/>
        <dsp:cNvSpPr/>
      </dsp:nvSpPr>
      <dsp:spPr>
        <a:xfrm>
          <a:off x="7692207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7692207" y="1959942"/>
        <a:ext cx="2329399" cy="86420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6C58D02-2877-419F-B58A-E49571EF410C}">
      <dsp:nvSpPr>
        <dsp:cNvPr id="0" name=""/>
        <dsp:cNvSpPr/>
      </dsp:nvSpPr>
      <dsp:spPr>
        <a:xfrm>
          <a:off x="4894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9BCF20-9ED7-4E81-AEDE-0355250E3FBB}">
      <dsp:nvSpPr>
        <dsp:cNvPr id="0" name=""/>
        <dsp:cNvSpPr/>
      </dsp:nvSpPr>
      <dsp:spPr>
        <a:xfrm>
          <a:off x="4894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4894" y="1959942"/>
        <a:ext cx="2329399" cy="864207"/>
      </dsp:txXfrm>
    </dsp:sp>
    <dsp:sp modelId="{71BFD3DE-8ED3-4DA5-807C-70D21163B563}">
      <dsp:nvSpPr>
        <dsp:cNvPr id="0" name=""/>
        <dsp:cNvSpPr/>
      </dsp:nvSpPr>
      <dsp:spPr>
        <a:xfrm>
          <a:off x="2567332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65169"/>
            <a:satOff val="-23158"/>
            <a:lumOff val="13541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4544AF3-6464-4840-B9E8-AF76F136BE37}">
      <dsp:nvSpPr>
        <dsp:cNvPr id="0" name=""/>
        <dsp:cNvSpPr/>
      </dsp:nvSpPr>
      <dsp:spPr>
        <a:xfrm>
          <a:off x="2567332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2567332" y="1959942"/>
        <a:ext cx="2329399" cy="864207"/>
      </dsp:txXfrm>
    </dsp:sp>
    <dsp:sp modelId="{387D96AD-1321-4178-A5EF-A3023DBFA890}">
      <dsp:nvSpPr>
        <dsp:cNvPr id="0" name=""/>
        <dsp:cNvSpPr/>
      </dsp:nvSpPr>
      <dsp:spPr>
        <a:xfrm>
          <a:off x="5129769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130339"/>
            <a:satOff val="-46316"/>
            <a:lumOff val="27082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2681C27-50C0-463F-AD96-7E524E67FCAC}">
      <dsp:nvSpPr>
        <dsp:cNvPr id="0" name=""/>
        <dsp:cNvSpPr/>
      </dsp:nvSpPr>
      <dsp:spPr>
        <a:xfrm>
          <a:off x="5129769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5129769" y="1959942"/>
        <a:ext cx="2329399" cy="864207"/>
      </dsp:txXfrm>
    </dsp:sp>
    <dsp:sp modelId="{14297EB4-7653-4B20-AF2D-CEEA1D94B23F}">
      <dsp:nvSpPr>
        <dsp:cNvPr id="0" name=""/>
        <dsp:cNvSpPr/>
      </dsp:nvSpPr>
      <dsp:spPr>
        <a:xfrm>
          <a:off x="7692207" y="354985"/>
          <a:ext cx="2329399" cy="1604956"/>
        </a:xfrm>
        <a:prstGeom prst="roundRect">
          <a:avLst/>
        </a:prstGeom>
        <a:solidFill>
          <a:schemeClr val="accent1">
            <a:shade val="80000"/>
            <a:hueOff val="195508"/>
            <a:satOff val="-69474"/>
            <a:lumOff val="4062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46A24B0-B35A-4D88-A092-A0498E0D87E2}">
      <dsp:nvSpPr>
        <dsp:cNvPr id="0" name=""/>
        <dsp:cNvSpPr/>
      </dsp:nvSpPr>
      <dsp:spPr>
        <a:xfrm>
          <a:off x="7692207" y="1959942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7692207" y="1959942"/>
        <a:ext cx="2329399" cy="864207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6C58D02-2877-419F-B58A-E49571EF410C}">
      <dsp:nvSpPr>
        <dsp:cNvPr id="0" name=""/>
        <dsp:cNvSpPr/>
      </dsp:nvSpPr>
      <dsp:spPr>
        <a:xfrm>
          <a:off x="4894" y="1109897"/>
          <a:ext cx="2329399" cy="1604956"/>
        </a:xfrm>
        <a:prstGeom prst="round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39BCF20-9ED7-4E81-AEDE-0355250E3FBB}">
      <dsp:nvSpPr>
        <dsp:cNvPr id="0" name=""/>
        <dsp:cNvSpPr/>
      </dsp:nvSpPr>
      <dsp:spPr>
        <a:xfrm>
          <a:off x="4894" y="2714853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4894" y="2714853"/>
        <a:ext cx="2329399" cy="864207"/>
      </dsp:txXfrm>
    </dsp:sp>
    <dsp:sp modelId="{71BFD3DE-8ED3-4DA5-807C-70D21163B563}">
      <dsp:nvSpPr>
        <dsp:cNvPr id="0" name=""/>
        <dsp:cNvSpPr/>
      </dsp:nvSpPr>
      <dsp:spPr>
        <a:xfrm>
          <a:off x="2567332" y="1109897"/>
          <a:ext cx="2329399" cy="1604956"/>
        </a:xfrm>
        <a:prstGeom prst="roundRect">
          <a:avLst/>
        </a:prstGeom>
        <a:solidFill>
          <a:schemeClr val="accent1">
            <a:shade val="80000"/>
            <a:hueOff val="65169"/>
            <a:satOff val="-23158"/>
            <a:lumOff val="13541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4544AF3-6464-4840-B9E8-AF76F136BE37}">
      <dsp:nvSpPr>
        <dsp:cNvPr id="0" name=""/>
        <dsp:cNvSpPr/>
      </dsp:nvSpPr>
      <dsp:spPr>
        <a:xfrm>
          <a:off x="2567332" y="2714853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2567332" y="2714853"/>
        <a:ext cx="2329399" cy="864207"/>
      </dsp:txXfrm>
    </dsp:sp>
    <dsp:sp modelId="{387D96AD-1321-4178-A5EF-A3023DBFA890}">
      <dsp:nvSpPr>
        <dsp:cNvPr id="0" name=""/>
        <dsp:cNvSpPr/>
      </dsp:nvSpPr>
      <dsp:spPr>
        <a:xfrm>
          <a:off x="5129769" y="1109897"/>
          <a:ext cx="2329399" cy="1604956"/>
        </a:xfrm>
        <a:prstGeom prst="roundRect">
          <a:avLst/>
        </a:prstGeom>
        <a:solidFill>
          <a:schemeClr val="accent1">
            <a:shade val="80000"/>
            <a:hueOff val="130339"/>
            <a:satOff val="-46316"/>
            <a:lumOff val="27082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2681C27-50C0-463F-AD96-7E524E67FCAC}">
      <dsp:nvSpPr>
        <dsp:cNvPr id="0" name=""/>
        <dsp:cNvSpPr/>
      </dsp:nvSpPr>
      <dsp:spPr>
        <a:xfrm>
          <a:off x="5129769" y="2714853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5129769" y="2714853"/>
        <a:ext cx="2329399" cy="864207"/>
      </dsp:txXfrm>
    </dsp:sp>
    <dsp:sp modelId="{14297EB4-7653-4B20-AF2D-CEEA1D94B23F}">
      <dsp:nvSpPr>
        <dsp:cNvPr id="0" name=""/>
        <dsp:cNvSpPr/>
      </dsp:nvSpPr>
      <dsp:spPr>
        <a:xfrm>
          <a:off x="7692207" y="1109897"/>
          <a:ext cx="2329399" cy="1604956"/>
        </a:xfrm>
        <a:prstGeom prst="roundRect">
          <a:avLst/>
        </a:prstGeom>
        <a:solidFill>
          <a:schemeClr val="accent1">
            <a:shade val="80000"/>
            <a:hueOff val="195508"/>
            <a:satOff val="-69474"/>
            <a:lumOff val="4062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46A24B0-B35A-4D88-A092-A0498E0D87E2}">
      <dsp:nvSpPr>
        <dsp:cNvPr id="0" name=""/>
        <dsp:cNvSpPr/>
      </dsp:nvSpPr>
      <dsp:spPr>
        <a:xfrm>
          <a:off x="7692207" y="2714853"/>
          <a:ext cx="2329399" cy="86420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98704" tIns="298704" rIns="298704" bIns="0" numCol="1" spcCol="1270" anchor="t" anchorCtr="0">
          <a:noAutofit/>
        </a:bodyPr>
        <a:lstStyle/>
        <a:p>
          <a:pPr marL="0" lvl="0" indent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200" kern="1200"/>
        </a:p>
      </dsp:txBody>
      <dsp:txXfrm>
        <a:off x="7692207" y="2714853"/>
        <a:ext cx="2329399" cy="864207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870D052-58C0-49EA-88DF-E0D141B0BB34}">
      <dsp:nvSpPr>
        <dsp:cNvPr id="0" name=""/>
        <dsp:cNvSpPr/>
      </dsp:nvSpPr>
      <dsp:spPr>
        <a:xfrm>
          <a:off x="6152" y="1092793"/>
          <a:ext cx="2181654" cy="1628558"/>
        </a:xfrm>
        <a:prstGeom prst="round2SameRect">
          <a:avLst>
            <a:gd name="adj1" fmla="val 8000"/>
            <a:gd name="adj2" fmla="val 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9850" tIns="209550" rIns="69850" bIns="69850" numCol="1" spcCol="1270" anchor="t" anchorCtr="0">
          <a:noAutofit/>
        </a:bodyPr>
        <a:lstStyle/>
        <a:p>
          <a:pPr marL="285750" lvl="1" indent="-285750" algn="l" defTabSz="2444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5500" kern="1200"/>
        </a:p>
      </dsp:txBody>
      <dsp:txXfrm>
        <a:off x="44311" y="1130952"/>
        <a:ext cx="2105336" cy="1590399"/>
      </dsp:txXfrm>
    </dsp:sp>
    <dsp:sp modelId="{12334DBF-5B11-4F00-8EF6-3B31AF17AC5E}">
      <dsp:nvSpPr>
        <dsp:cNvPr id="0" name=""/>
        <dsp:cNvSpPr/>
      </dsp:nvSpPr>
      <dsp:spPr>
        <a:xfrm>
          <a:off x="6152" y="2721352"/>
          <a:ext cx="2181654" cy="700280"/>
        </a:xfrm>
        <a:prstGeom prst="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3830" tIns="0" rIns="54610" bIns="0" numCol="1" spcCol="1270" anchor="ctr" anchorCtr="0">
          <a:noAutofit/>
        </a:bodyPr>
        <a:lstStyle/>
        <a:p>
          <a:pPr marL="0" lvl="0" indent="0" algn="l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300" kern="1200"/>
        </a:p>
      </dsp:txBody>
      <dsp:txXfrm>
        <a:off x="6152" y="2721352"/>
        <a:ext cx="1536376" cy="700280"/>
      </dsp:txXfrm>
    </dsp:sp>
    <dsp:sp modelId="{7B532F04-9561-47D8-BCF9-FB5D926D8AF9}">
      <dsp:nvSpPr>
        <dsp:cNvPr id="0" name=""/>
        <dsp:cNvSpPr/>
      </dsp:nvSpPr>
      <dsp:spPr>
        <a:xfrm>
          <a:off x="1604243" y="2832585"/>
          <a:ext cx="763578" cy="763578"/>
        </a:xfrm>
        <a:prstGeom prst="ellipse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E262A03-B1CF-4F25-88CF-749ACC899ACB}">
      <dsp:nvSpPr>
        <dsp:cNvPr id="0" name=""/>
        <dsp:cNvSpPr/>
      </dsp:nvSpPr>
      <dsp:spPr>
        <a:xfrm>
          <a:off x="2556994" y="1092793"/>
          <a:ext cx="2181654" cy="1628558"/>
        </a:xfrm>
        <a:prstGeom prst="round2SameRect">
          <a:avLst>
            <a:gd name="adj1" fmla="val 8000"/>
            <a:gd name="adj2" fmla="val 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65169"/>
              <a:satOff val="-23158"/>
              <a:lumOff val="13541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9850" tIns="209550" rIns="69850" bIns="69850" numCol="1" spcCol="1270" anchor="t" anchorCtr="0">
          <a:noAutofit/>
        </a:bodyPr>
        <a:lstStyle/>
        <a:p>
          <a:pPr marL="285750" lvl="1" indent="-285750" algn="l" defTabSz="2444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5500" kern="1200" dirty="0"/>
        </a:p>
      </dsp:txBody>
      <dsp:txXfrm>
        <a:off x="2595153" y="1130952"/>
        <a:ext cx="2105336" cy="1590399"/>
      </dsp:txXfrm>
    </dsp:sp>
    <dsp:sp modelId="{FEE1942B-2F1E-4848-A3C3-20201C8592B4}">
      <dsp:nvSpPr>
        <dsp:cNvPr id="0" name=""/>
        <dsp:cNvSpPr/>
      </dsp:nvSpPr>
      <dsp:spPr>
        <a:xfrm>
          <a:off x="2556994" y="2721352"/>
          <a:ext cx="2181654" cy="700280"/>
        </a:xfrm>
        <a:prstGeom prst="rect">
          <a:avLst/>
        </a:prstGeom>
        <a:solidFill>
          <a:schemeClr val="accent1">
            <a:shade val="80000"/>
            <a:hueOff val="65169"/>
            <a:satOff val="-23158"/>
            <a:lumOff val="13541"/>
            <a:alphaOff val="0"/>
          </a:schemeClr>
        </a:solidFill>
        <a:ln w="25400" cap="flat" cmpd="sng" algn="ctr">
          <a:solidFill>
            <a:schemeClr val="accent1">
              <a:shade val="80000"/>
              <a:hueOff val="65169"/>
              <a:satOff val="-23158"/>
              <a:lumOff val="13541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3830" tIns="0" rIns="54610" bIns="0" numCol="1" spcCol="1270" anchor="ctr" anchorCtr="0">
          <a:noAutofit/>
        </a:bodyPr>
        <a:lstStyle/>
        <a:p>
          <a:pPr marL="0" lvl="0" indent="0" algn="l" defTabSz="1911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300" kern="1200" dirty="0"/>
        </a:p>
      </dsp:txBody>
      <dsp:txXfrm>
        <a:off x="2556994" y="2721352"/>
        <a:ext cx="1536376" cy="700280"/>
      </dsp:txXfrm>
    </dsp:sp>
    <dsp:sp modelId="{2A8B7289-4530-473E-9601-5E16EC766FB7}">
      <dsp:nvSpPr>
        <dsp:cNvPr id="0" name=""/>
        <dsp:cNvSpPr/>
      </dsp:nvSpPr>
      <dsp:spPr>
        <a:xfrm>
          <a:off x="4155086" y="2832585"/>
          <a:ext cx="763578" cy="763578"/>
        </a:xfrm>
        <a:prstGeom prst="ellipse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291119F-B4FD-4058-9702-E5AD24122365}">
      <dsp:nvSpPr>
        <dsp:cNvPr id="0" name=""/>
        <dsp:cNvSpPr/>
      </dsp:nvSpPr>
      <dsp:spPr>
        <a:xfrm>
          <a:off x="5107836" y="1092793"/>
          <a:ext cx="2181654" cy="1628558"/>
        </a:xfrm>
        <a:prstGeom prst="round2SameRect">
          <a:avLst>
            <a:gd name="adj1" fmla="val 8000"/>
            <a:gd name="adj2" fmla="val 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30339"/>
              <a:satOff val="-46316"/>
              <a:lumOff val="27082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2550" tIns="247650" rIns="82550" bIns="82550" numCol="1" spcCol="1270" anchor="t" anchorCtr="0">
          <a:noAutofit/>
        </a:bodyPr>
        <a:lstStyle/>
        <a:p>
          <a:pPr marL="285750" lvl="1" indent="-285750" algn="l" defTabSz="28892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6500" kern="1200" dirty="0"/>
        </a:p>
      </dsp:txBody>
      <dsp:txXfrm>
        <a:off x="5145995" y="1130952"/>
        <a:ext cx="2105336" cy="1590399"/>
      </dsp:txXfrm>
    </dsp:sp>
    <dsp:sp modelId="{1F5B1EBE-7012-4CC6-B843-C936B893C684}">
      <dsp:nvSpPr>
        <dsp:cNvPr id="0" name=""/>
        <dsp:cNvSpPr/>
      </dsp:nvSpPr>
      <dsp:spPr>
        <a:xfrm>
          <a:off x="5107836" y="2721352"/>
          <a:ext cx="2181654" cy="700280"/>
        </a:xfrm>
        <a:prstGeom prst="rect">
          <a:avLst/>
        </a:prstGeom>
        <a:solidFill>
          <a:schemeClr val="accent1">
            <a:shade val="80000"/>
            <a:hueOff val="130339"/>
            <a:satOff val="-46316"/>
            <a:lumOff val="27082"/>
            <a:alphaOff val="0"/>
          </a:schemeClr>
        </a:solidFill>
        <a:ln w="25400" cap="flat" cmpd="sng" algn="ctr">
          <a:solidFill>
            <a:schemeClr val="accent1">
              <a:shade val="80000"/>
              <a:hueOff val="130339"/>
              <a:satOff val="-46316"/>
              <a:lumOff val="27082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1930" tIns="0" rIns="67310" bIns="0" numCol="1" spcCol="1270" anchor="ctr" anchorCtr="0">
          <a:noAutofit/>
        </a:bodyPr>
        <a:lstStyle/>
        <a:p>
          <a:pPr marL="0" lvl="0" indent="0" algn="l" defTabSz="2355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300" kern="1200" dirty="0"/>
        </a:p>
      </dsp:txBody>
      <dsp:txXfrm>
        <a:off x="5107836" y="2721352"/>
        <a:ext cx="1536376" cy="700280"/>
      </dsp:txXfrm>
    </dsp:sp>
    <dsp:sp modelId="{3D4774D3-7EE4-42FF-82D5-541C8BB28C2D}">
      <dsp:nvSpPr>
        <dsp:cNvPr id="0" name=""/>
        <dsp:cNvSpPr/>
      </dsp:nvSpPr>
      <dsp:spPr>
        <a:xfrm>
          <a:off x="6705928" y="2832585"/>
          <a:ext cx="763578" cy="763578"/>
        </a:xfrm>
        <a:prstGeom prst="ellipse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E16BCD6-25A5-4E3A-AAA9-F461C10AD0EE}">
      <dsp:nvSpPr>
        <dsp:cNvPr id="0" name=""/>
        <dsp:cNvSpPr/>
      </dsp:nvSpPr>
      <dsp:spPr>
        <a:xfrm>
          <a:off x="7658679" y="1092793"/>
          <a:ext cx="2181654" cy="1628558"/>
        </a:xfrm>
        <a:prstGeom prst="round2SameRect">
          <a:avLst>
            <a:gd name="adj1" fmla="val 8000"/>
            <a:gd name="adj2" fmla="val 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195508"/>
              <a:satOff val="-69474"/>
              <a:lumOff val="4062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2550" tIns="247650" rIns="82550" bIns="82550" numCol="1" spcCol="1270" anchor="t" anchorCtr="0">
          <a:noAutofit/>
        </a:bodyPr>
        <a:lstStyle/>
        <a:p>
          <a:pPr marL="285750" lvl="1" indent="-285750" algn="l" defTabSz="28892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6500" kern="1200" dirty="0"/>
        </a:p>
      </dsp:txBody>
      <dsp:txXfrm>
        <a:off x="7696838" y="1130952"/>
        <a:ext cx="2105336" cy="1590399"/>
      </dsp:txXfrm>
    </dsp:sp>
    <dsp:sp modelId="{1DBA0CF8-ACE0-4098-9C2B-F19454972558}">
      <dsp:nvSpPr>
        <dsp:cNvPr id="0" name=""/>
        <dsp:cNvSpPr/>
      </dsp:nvSpPr>
      <dsp:spPr>
        <a:xfrm>
          <a:off x="7658679" y="2721352"/>
          <a:ext cx="2181654" cy="700280"/>
        </a:xfrm>
        <a:prstGeom prst="rect">
          <a:avLst/>
        </a:prstGeom>
        <a:solidFill>
          <a:schemeClr val="accent1">
            <a:shade val="80000"/>
            <a:hueOff val="195508"/>
            <a:satOff val="-69474"/>
            <a:lumOff val="40623"/>
            <a:alphaOff val="0"/>
          </a:schemeClr>
        </a:solidFill>
        <a:ln w="25400" cap="flat" cmpd="sng" algn="ctr">
          <a:solidFill>
            <a:schemeClr val="accent1">
              <a:shade val="80000"/>
              <a:hueOff val="195508"/>
              <a:satOff val="-69474"/>
              <a:lumOff val="4062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1930" tIns="0" rIns="67310" bIns="0" numCol="1" spcCol="1270" anchor="ctr" anchorCtr="0">
          <a:noAutofit/>
        </a:bodyPr>
        <a:lstStyle/>
        <a:p>
          <a:pPr marL="0" lvl="0" indent="0" algn="l" defTabSz="2355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5300" kern="1200" dirty="0"/>
        </a:p>
      </dsp:txBody>
      <dsp:txXfrm>
        <a:off x="7658679" y="2721352"/>
        <a:ext cx="1536376" cy="700280"/>
      </dsp:txXfrm>
    </dsp:sp>
    <dsp:sp modelId="{A093B6B6-83BE-4113-BD95-7064D2946CAB}">
      <dsp:nvSpPr>
        <dsp:cNvPr id="0" name=""/>
        <dsp:cNvSpPr/>
      </dsp:nvSpPr>
      <dsp:spPr>
        <a:xfrm>
          <a:off x="9256770" y="2832585"/>
          <a:ext cx="763578" cy="763578"/>
        </a:xfrm>
        <a:prstGeom prst="ellipse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21121DA-7DBB-4CF3-B922-4F81CD5DF04E}">
      <dsp:nvSpPr>
        <dsp:cNvPr id="0" name=""/>
        <dsp:cNvSpPr/>
      </dsp:nvSpPr>
      <dsp:spPr>
        <a:xfrm>
          <a:off x="1456660" y="2272"/>
          <a:ext cx="5826640" cy="1177005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053" tIns="298959" rIns="113053" bIns="298959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/>
            <a:t>Outcome description</a:t>
          </a:r>
          <a:endParaRPr lang="en-US" sz="2400" kern="1200" dirty="0"/>
        </a:p>
      </dsp:txBody>
      <dsp:txXfrm>
        <a:off x="1456660" y="2272"/>
        <a:ext cx="5826640" cy="1177005"/>
      </dsp:txXfrm>
    </dsp:sp>
    <dsp:sp modelId="{D5682365-F6E0-46A7-84B6-9AC2A9B73050}">
      <dsp:nvSpPr>
        <dsp:cNvPr id="0" name=""/>
        <dsp:cNvSpPr/>
      </dsp:nvSpPr>
      <dsp:spPr>
        <a:xfrm>
          <a:off x="0" y="2272"/>
          <a:ext cx="1456660" cy="1177005"/>
        </a:xfrm>
        <a:prstGeom prst="rect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7082" tIns="116262" rIns="77082" bIns="116262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dirty="0"/>
            <a:t>verb</a:t>
          </a:r>
        </a:p>
      </dsp:txBody>
      <dsp:txXfrm>
        <a:off x="0" y="2272"/>
        <a:ext cx="1456660" cy="1177005"/>
      </dsp:txXfrm>
    </dsp:sp>
    <dsp:sp modelId="{BC8163C9-505D-4E86-A4FB-039665E95329}">
      <dsp:nvSpPr>
        <dsp:cNvPr id="0" name=""/>
        <dsp:cNvSpPr/>
      </dsp:nvSpPr>
      <dsp:spPr>
        <a:xfrm>
          <a:off x="1456660" y="1249897"/>
          <a:ext cx="5826640" cy="1177005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053" tIns="298959" rIns="113053" bIns="298959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Outcome description</a:t>
          </a:r>
        </a:p>
      </dsp:txBody>
      <dsp:txXfrm>
        <a:off x="1456660" y="1249897"/>
        <a:ext cx="5826640" cy="1177005"/>
      </dsp:txXfrm>
    </dsp:sp>
    <dsp:sp modelId="{04EC8E47-C7DD-4FEB-B884-83B8AF4BD083}">
      <dsp:nvSpPr>
        <dsp:cNvPr id="0" name=""/>
        <dsp:cNvSpPr/>
      </dsp:nvSpPr>
      <dsp:spPr>
        <a:xfrm>
          <a:off x="0" y="1249897"/>
          <a:ext cx="1456660" cy="1177005"/>
        </a:xfrm>
        <a:prstGeom prst="rect">
          <a:avLst/>
        </a:prstGeom>
        <a:solidFill>
          <a:schemeClr val="accent1">
            <a:shade val="80000"/>
            <a:hueOff val="65169"/>
            <a:satOff val="-23158"/>
            <a:lumOff val="13541"/>
            <a:alphaOff val="0"/>
          </a:schemeClr>
        </a:solidFill>
        <a:ln w="25400" cap="flat" cmpd="sng" algn="ctr">
          <a:solidFill>
            <a:schemeClr val="accent1">
              <a:shade val="80000"/>
              <a:hueOff val="65169"/>
              <a:satOff val="-23158"/>
              <a:lumOff val="13541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7082" tIns="116262" rIns="77082" bIns="116262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dirty="0"/>
            <a:t>verb</a:t>
          </a:r>
        </a:p>
      </dsp:txBody>
      <dsp:txXfrm>
        <a:off x="0" y="1249897"/>
        <a:ext cx="1456660" cy="1177005"/>
      </dsp:txXfrm>
    </dsp:sp>
    <dsp:sp modelId="{3F430A38-D95C-4966-B5B4-5A2A1C264713}">
      <dsp:nvSpPr>
        <dsp:cNvPr id="0" name=""/>
        <dsp:cNvSpPr/>
      </dsp:nvSpPr>
      <dsp:spPr>
        <a:xfrm>
          <a:off x="1456660" y="2497523"/>
          <a:ext cx="5826640" cy="1177005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053" tIns="298959" rIns="113053" bIns="298959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Outcome description</a:t>
          </a:r>
        </a:p>
      </dsp:txBody>
      <dsp:txXfrm>
        <a:off x="1456660" y="2497523"/>
        <a:ext cx="5826640" cy="1177005"/>
      </dsp:txXfrm>
    </dsp:sp>
    <dsp:sp modelId="{FB32A6EF-B728-4679-98D0-83F499031186}">
      <dsp:nvSpPr>
        <dsp:cNvPr id="0" name=""/>
        <dsp:cNvSpPr/>
      </dsp:nvSpPr>
      <dsp:spPr>
        <a:xfrm>
          <a:off x="0" y="2497523"/>
          <a:ext cx="1456660" cy="1177005"/>
        </a:xfrm>
        <a:prstGeom prst="rect">
          <a:avLst/>
        </a:prstGeom>
        <a:solidFill>
          <a:schemeClr val="accent1">
            <a:shade val="80000"/>
            <a:hueOff val="130339"/>
            <a:satOff val="-46316"/>
            <a:lumOff val="27082"/>
            <a:alphaOff val="0"/>
          </a:schemeClr>
        </a:solidFill>
        <a:ln w="25400" cap="flat" cmpd="sng" algn="ctr">
          <a:solidFill>
            <a:schemeClr val="accent1">
              <a:shade val="80000"/>
              <a:hueOff val="130339"/>
              <a:satOff val="-46316"/>
              <a:lumOff val="27082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7082" tIns="116262" rIns="77082" bIns="116262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/>
            <a:t>verb</a:t>
          </a:r>
          <a:endParaRPr lang="en-US" sz="2800" kern="1200" dirty="0"/>
        </a:p>
      </dsp:txBody>
      <dsp:txXfrm>
        <a:off x="0" y="2497523"/>
        <a:ext cx="1456660" cy="1177005"/>
      </dsp:txXfrm>
    </dsp:sp>
    <dsp:sp modelId="{3282E897-0711-4F9C-B66F-028BB2D640F2}">
      <dsp:nvSpPr>
        <dsp:cNvPr id="0" name=""/>
        <dsp:cNvSpPr/>
      </dsp:nvSpPr>
      <dsp:spPr>
        <a:xfrm>
          <a:off x="1456660" y="3745149"/>
          <a:ext cx="5826640" cy="1177005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053" tIns="298959" rIns="113053" bIns="298959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Outcome description</a:t>
          </a:r>
        </a:p>
      </dsp:txBody>
      <dsp:txXfrm>
        <a:off x="1456660" y="3745149"/>
        <a:ext cx="5826640" cy="1177005"/>
      </dsp:txXfrm>
    </dsp:sp>
    <dsp:sp modelId="{AACE4CD8-DBC9-4346-B21F-EDBD97CFB3A7}">
      <dsp:nvSpPr>
        <dsp:cNvPr id="0" name=""/>
        <dsp:cNvSpPr/>
      </dsp:nvSpPr>
      <dsp:spPr>
        <a:xfrm>
          <a:off x="0" y="3745149"/>
          <a:ext cx="1456660" cy="1177005"/>
        </a:xfrm>
        <a:prstGeom prst="rect">
          <a:avLst/>
        </a:prstGeom>
        <a:solidFill>
          <a:schemeClr val="accent1">
            <a:shade val="80000"/>
            <a:hueOff val="195508"/>
            <a:satOff val="-69474"/>
            <a:lumOff val="40623"/>
            <a:alphaOff val="0"/>
          </a:schemeClr>
        </a:solidFill>
        <a:ln w="25400" cap="flat" cmpd="sng" algn="ctr">
          <a:solidFill>
            <a:schemeClr val="accent1">
              <a:shade val="80000"/>
              <a:hueOff val="195508"/>
              <a:satOff val="-69474"/>
              <a:lumOff val="4062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7082" tIns="116262" rIns="77082" bIns="116262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/>
            <a:t>verb</a:t>
          </a:r>
          <a:endParaRPr lang="en-US" sz="2800" kern="1200" dirty="0"/>
        </a:p>
      </dsp:txBody>
      <dsp:txXfrm>
        <a:off x="0" y="3745149"/>
        <a:ext cx="1456660" cy="117700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List1">
  <dgm:title val=""/>
  <dgm:desc val=""/>
  <dgm:catLst>
    <dgm:cat type="list" pri="2000"/>
    <dgm:cat type="picture" pri="2500"/>
    <dgm:cat type="pictureconvert" pri="2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Name0">
    <dgm:varLst>
      <dgm:dir/>
      <dgm:resizeHandles val="exact"/>
    </dgm:varLst>
    <dgm:choose name="Name1">
      <dgm:if name="Name2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3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1"/>
      <dgm:constr type="sp" refType="w" refFor="ch" refForName="compNode" op="equ" fact="0.1"/>
      <dgm:constr type="primFontSz" for="des" ptType="node" op="equ" val="65"/>
    </dgm:constrLst>
    <dgm:ruleLst/>
    <dgm:forEach name="Name4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 axis="self"/>
        <dgm:constrLst>
          <dgm:constr type="h" refType="w" fact="1.06"/>
          <dgm:constr type="h" for="ch" forName="pictRect" refType="h" fact="0.65"/>
          <dgm:constr type="w" for="ch" forName="pictRect" refType="w"/>
          <dgm:constr type="l" for="ch" forName="pictRect"/>
          <dgm:constr type="t" for="ch" forName="pictRect"/>
          <dgm:constr type="w" for="ch" forName="textRect" refType="w"/>
          <dgm:constr type="h" for="ch" forName="textRect" refType="h" fact="0.35"/>
          <dgm:constr type="l" for="ch" forName="textRect"/>
          <dgm:constr type="t" for="ch" forName="textRect" refType="b" refFor="ch" refForName="pictRect"/>
        </dgm:constrLst>
        <dgm:ruleLst/>
        <dgm:layoutNode name="pictRect">
          <dgm:alg type="sp"/>
          <dgm:shape xmlns:r="http://schemas.openxmlformats.org/officeDocument/2006/relationships" type="roundRect" r:blip="" blipPhldr="1">
            <dgm:adjLst/>
          </dgm:shape>
          <dgm:presOf/>
          <dgm:constrLst/>
          <dgm:ruleLst/>
        </dgm:layoutNode>
        <dgm:layoutNode name="textRect" styleLbl="revTx">
          <dgm:varLst>
            <dgm:bulletEnabled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bMarg"/>
          </dgm:constrLst>
          <dgm:ruleLst>
            <dgm:rule type="primFontSz" val="5" fact="NaN" max="NaN"/>
          </dgm:ruleLst>
        </dgm:layoutNode>
      </dgm:layoutNode>
      <dgm:forEach name="Name5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List1">
  <dgm:title val=""/>
  <dgm:desc val=""/>
  <dgm:catLst>
    <dgm:cat type="list" pri="2000"/>
    <dgm:cat type="picture" pri="2500"/>
    <dgm:cat type="pictureconvert" pri="2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Name0">
    <dgm:varLst>
      <dgm:dir/>
      <dgm:resizeHandles val="exact"/>
    </dgm:varLst>
    <dgm:choose name="Name1">
      <dgm:if name="Name2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3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1"/>
      <dgm:constr type="sp" refType="w" refFor="ch" refForName="compNode" op="equ" fact="0.1"/>
      <dgm:constr type="primFontSz" for="des" ptType="node" op="equ" val="65"/>
    </dgm:constrLst>
    <dgm:ruleLst/>
    <dgm:forEach name="Name4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 axis="self"/>
        <dgm:constrLst>
          <dgm:constr type="h" refType="w" fact="1.06"/>
          <dgm:constr type="h" for="ch" forName="pictRect" refType="h" fact="0.65"/>
          <dgm:constr type="w" for="ch" forName="pictRect" refType="w"/>
          <dgm:constr type="l" for="ch" forName="pictRect"/>
          <dgm:constr type="t" for="ch" forName="pictRect"/>
          <dgm:constr type="w" for="ch" forName="textRect" refType="w"/>
          <dgm:constr type="h" for="ch" forName="textRect" refType="h" fact="0.35"/>
          <dgm:constr type="l" for="ch" forName="textRect"/>
          <dgm:constr type="t" for="ch" forName="textRect" refType="b" refFor="ch" refForName="pictRect"/>
        </dgm:constrLst>
        <dgm:ruleLst/>
        <dgm:layoutNode name="pictRect">
          <dgm:alg type="sp"/>
          <dgm:shape xmlns:r="http://schemas.openxmlformats.org/officeDocument/2006/relationships" type="roundRect" r:blip="" blipPhldr="1">
            <dgm:adjLst/>
          </dgm:shape>
          <dgm:presOf/>
          <dgm:constrLst/>
          <dgm:ruleLst/>
        </dgm:layoutNode>
        <dgm:layoutNode name="textRect" styleLbl="revTx">
          <dgm:varLst>
            <dgm:bulletEnabled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bMarg"/>
          </dgm:constrLst>
          <dgm:ruleLst>
            <dgm:rule type="primFontSz" val="5" fact="NaN" max="NaN"/>
          </dgm:ruleLst>
        </dgm:layoutNode>
      </dgm:layoutNode>
      <dgm:forEach name="Name5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pList1">
  <dgm:title val=""/>
  <dgm:desc val=""/>
  <dgm:catLst>
    <dgm:cat type="list" pri="2000"/>
    <dgm:cat type="picture" pri="2500"/>
    <dgm:cat type="pictureconvert" pri="2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Name0">
    <dgm:varLst>
      <dgm:dir/>
      <dgm:resizeHandles val="exact"/>
    </dgm:varLst>
    <dgm:choose name="Name1">
      <dgm:if name="Name2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3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1"/>
      <dgm:constr type="sp" refType="w" refFor="ch" refForName="compNode" op="equ" fact="0.1"/>
      <dgm:constr type="primFontSz" for="des" ptType="node" op="equ" val="65"/>
    </dgm:constrLst>
    <dgm:ruleLst/>
    <dgm:forEach name="Name4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 axis="self"/>
        <dgm:constrLst>
          <dgm:constr type="h" refType="w" fact="1.06"/>
          <dgm:constr type="h" for="ch" forName="pictRect" refType="h" fact="0.65"/>
          <dgm:constr type="w" for="ch" forName="pictRect" refType="w"/>
          <dgm:constr type="l" for="ch" forName="pictRect"/>
          <dgm:constr type="t" for="ch" forName="pictRect"/>
          <dgm:constr type="w" for="ch" forName="textRect" refType="w"/>
          <dgm:constr type="h" for="ch" forName="textRect" refType="h" fact="0.35"/>
          <dgm:constr type="l" for="ch" forName="textRect"/>
          <dgm:constr type="t" for="ch" forName="textRect" refType="b" refFor="ch" refForName="pictRect"/>
        </dgm:constrLst>
        <dgm:ruleLst/>
        <dgm:layoutNode name="pictRect">
          <dgm:alg type="sp"/>
          <dgm:shape xmlns:r="http://schemas.openxmlformats.org/officeDocument/2006/relationships" type="roundRect" r:blip="" blipPhldr="1">
            <dgm:adjLst/>
          </dgm:shape>
          <dgm:presOf/>
          <dgm:constrLst/>
          <dgm:ruleLst/>
        </dgm:layoutNode>
        <dgm:layoutNode name="textRect" styleLbl="revTx">
          <dgm:varLst>
            <dgm:bulletEnabled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bMarg"/>
          </dgm:constrLst>
          <dgm:ruleLst>
            <dgm:rule type="primFontSz" val="5" fact="NaN" max="NaN"/>
          </dgm:ruleLst>
        </dgm:layoutNode>
      </dgm:layoutNode>
      <dgm:forEach name="Name5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bList2">
  <dgm:title val=""/>
  <dgm:desc val=""/>
  <dgm:catLst>
    <dgm:cat type="list" pri="7000"/>
    <dgm:cat type="convert" pri="16000"/>
    <dgm:cat type="picture" pri="28000"/>
    <dgm:cat type="pictureconvert" pri="28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dir/>
      <dgm:animLvl val="lvl"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08"/>
      <dgm:constr type="sp" refType="w" refFor="ch" refForName="compNode" op="equ" fact="0.16"/>
      <dgm:constr type="primFontSz" for="des" forName="parentText" op="equ" val="65"/>
      <dgm:constr type="primFontSz" for="des" forName="childRect" op="equ" val="65"/>
    </dgm:constrLst>
    <dgm:ruleLst/>
    <dgm:forEach name="nodesForEach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/>
        <dgm:choose name="Name3">
          <dgm:if name="Name4" axis="self" func="var" arg="dir" op="equ" val="norm">
            <dgm:constrLst>
              <dgm:constr type="w" val="1"/>
              <dgm:constr type="h" refType="w" fact="1.06"/>
              <dgm:constr type="h" for="ch" forName="childRect" refType="h" fact="0.65"/>
              <dgm:constr type="w" for="ch" forName="childRect" refType="w" fact="0.923"/>
              <dgm:constr type="l" for="ch" forName="childRect"/>
              <dgm:constr type="t" for="ch" forName="childRect"/>
              <dgm:constr type="w" for="ch" forName="parentText" refType="w" fact="0.65"/>
              <dgm:constr type="h" for="ch" forName="parentText" refType="h" refFor="ch" refForName="childRect" fact="0.43"/>
              <dgm:constr type="l" for="ch" forName="parentText"/>
              <dgm:constr type="t" for="ch" forName="parentText" refType="h" refFor="ch" refForName="childRect"/>
              <dgm:constr type="w" for="ch" forName="parentRect" refType="w" fact="0.923"/>
              <dgm:constr type="h" for="ch" forName="parentRect" refType="h" refFor="ch" refForName="parentText"/>
              <dgm:constr type="l" for="ch" forName="parentRect"/>
              <dgm:constr type="t" for="ch" forName="parentRect" refType="t" refFor="ch" refForName="parentText"/>
              <dgm:constr type="w" for="ch" forName="adorn" refType="w" refFor="ch" refForName="parentRect" fact="0.35"/>
              <dgm:constr type="h" for="ch" forName="adorn" refType="w" refFor="ch" refForName="parentRect" fact="0.35"/>
              <dgm:constr type="b" for="ch" forName="adorn" refType="h"/>
              <dgm:constr type="r" for="ch" forName="adorn" refType="w"/>
            </dgm:constrLst>
          </dgm:if>
          <dgm:else name="Name5">
            <dgm:constrLst>
              <dgm:constr type="w" val="1"/>
              <dgm:constr type="h" refType="w" fact="1.06"/>
              <dgm:constr type="h" for="ch" forName="childRect" refType="h" fact="0.65"/>
              <dgm:constr type="w" for="ch" forName="childRect" refType="w" fact="0.923"/>
              <dgm:constr type="r" for="ch" forName="childRect" refType="w"/>
              <dgm:constr type="t" for="ch" forName="childRect"/>
              <dgm:constr type="w" for="ch" forName="parentText" refType="w" fact="0.65"/>
              <dgm:constr type="h" for="ch" forName="parentText" refType="h" refFor="ch" refForName="childRect" fact="0.43"/>
              <dgm:constr type="r" for="ch" forName="parentText" refType="w"/>
              <dgm:constr type="t" for="ch" forName="parentText" refType="h" refFor="ch" refForName="childRect"/>
              <dgm:constr type="w" for="ch" forName="parentRect" refType="w" fact="0.923"/>
              <dgm:constr type="h" for="ch" forName="parentRect" refType="h" refFor="ch" refForName="parentText"/>
              <dgm:constr type="r" for="ch" forName="parentRect" refType="w"/>
              <dgm:constr type="t" for="ch" forName="parentRect" refType="t" refFor="ch" refForName="parentText"/>
              <dgm:constr type="w" for="ch" forName="adorn" refType="w" refFor="ch" refForName="parentRect" fact="0.35"/>
              <dgm:constr type="h" for="ch" forName="adorn" refType="w" refFor="ch" refForName="parentRect" fact="0.35"/>
              <dgm:constr type="b" for="ch" forName="adorn" refType="h"/>
              <dgm:constr type="l" for="ch" forName="adorn"/>
            </dgm:constrLst>
          </dgm:else>
        </dgm:choose>
        <dgm:ruleLst/>
        <dgm:layoutNode name="childRect" styleLbl="bgAcc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ound2SameRect" r:blip="">
            <dgm:adjLst>
              <dgm:adj idx="1" val="0.08"/>
            </dgm:adjLst>
          </dgm:shape>
          <dgm:presOf axis="des" ptType="node"/>
          <dgm:constrLst>
            <dgm:constr type="secFontSz" refType="primFontSz"/>
            <dgm:constr type="tMarg" refType="primFontSz" fact="0.3"/>
            <dgm:constr type="bMarg" refType="primFontSz" fact="0.1"/>
            <dgm:constr type="lMarg" refType="primFontSz" fact="0.1"/>
            <dgm:constr type="rMarg" refType="primFontSz" fact="0.1"/>
          </dgm:constrLst>
          <dgm:ruleLst>
            <dgm:rule type="primFontSz" val="5" fact="NaN" max="NaN"/>
          </dgm:ruleLst>
        </dgm:layoutNode>
        <dgm:layoutNode name="parentText">
          <dgm:varLst>
            <dgm:chMax val="0"/>
            <dgm:bulletEnabled val="1"/>
          </dgm:varLst>
          <dgm:choose name="Name6">
            <dgm:if name="Name7" func="var" arg="dir" op="equ" val="norm">
              <dgm:alg type="tx">
                <dgm:param type="parTxLTRAlign" val="l"/>
                <dgm:param type="parTxRTLAlign" val="l"/>
              </dgm:alg>
            </dgm:if>
            <dgm:else name="Name8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ect" r:blip="" zOrderOff="1" hideGeom="1">
            <dgm:adjLst/>
          </dgm:shape>
          <dgm:presOf axis="self" ptType="node"/>
          <dgm:constrLst>
            <dgm:constr type="tMarg"/>
            <dgm:constr type="bMarg"/>
            <dgm:constr type="lMarg" refType="primFontSz" fact="0.3"/>
            <dgm:constr type="rMarg" refType="primFontSz" fact="0.1"/>
          </dgm:constrLst>
          <dgm:ruleLst>
            <dgm:rule type="primFontSz" val="5" fact="NaN" max="NaN"/>
          </dgm:ruleLst>
        </dgm:layoutNode>
        <dgm:layoutNode name="parentRect" styleLbl="alignNode1">
          <dgm:alg type="sp"/>
          <dgm:shape xmlns:r="http://schemas.openxmlformats.org/officeDocument/2006/relationships" type="rect" r:blip="">
            <dgm:adjLst/>
          </dgm:shape>
          <dgm:presOf axis="self" ptType="node"/>
          <dgm:constrLst/>
          <dgm:ruleLst/>
        </dgm:layoutNode>
        <dgm:layoutNode name="adorn" styleLbl="fgAccFollowNod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w" val="1"/>
            <dgm:constr type="h" refType="w"/>
          </dgm:constrLst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16/7/layout/VerticalSolidActionList">
  <dgm:title val="Vertical Solid Action List"/>
  <dgm:desc val="Use to show non-sequential or grouped lists of information. Works well with large amounts of text. All text has the same level of emphasis, and direction is not implied."/>
  <dgm:catLst>
    <dgm:cat type="list" pri="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  <dgm:pt modelId="5">
          <dgm:prSet phldr="1"/>
        </dgm:pt>
        <dgm:pt modelId="5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7" srcId="0" destId="4" srcOrd="3" destOrd="0"/>
        <dgm:cxn modelId="8" srcId="0" destId="5" srcOrd="4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  <dgm:cxn modelId="53" srcId="5" destId="5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6"/>
      <dgm:constr type="primFontSz" for="des" forName="parentText" op="equ" val="28"/>
      <dgm:constr type="primFontSz" for="des" forName="descendantText" refType="primFontSz" refFor="des" refForName="parentText" op="lte" fact="0.82"/>
      <dgm:constr type="primFontSz" for="des" forName="parentText" refType="primFontSz" refFor="des" refForName="descendantText" op="lte" fact="1.25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2"/>
          <dgm:constr type="w" for="ch" forName="descendantText" refType="w" fact="0.8"/>
          <dgm:constr type="h" for="ch" forName="parentText" refType="h"/>
          <dgm:constr type="h" for="ch" forName="descendantText" refType="h" refFor="ch" refForName="parentText"/>
        </dgm:constrLst>
        <dgm:ruleLst/>
        <dgm:layoutNode name="parentText" styleLbl="alignNode1">
          <dgm:varLst>
            <dgm:chMax val="1"/>
            <dgm:bulletEnabled/>
          </dgm:varLst>
          <dgm:alg type="tx"/>
          <dgm:shape xmlns:r="http://schemas.openxmlformats.org/officeDocument/2006/relationships" type="rect" r:blip="" zOrderOff="3">
            <dgm:adjLst/>
          </dgm:shape>
          <dgm:presOf axis="self" ptType="node"/>
          <dgm:constrLst>
            <dgm:constr type="tMarg" refType="h" fact="0.28"/>
            <dgm:constr type="bMarg" refType="h" fact="0.28"/>
            <dgm:constr type="lMarg" refType="w" fact="0.15"/>
            <dgm:constr type="rMarg" refType="w" fact="0.15"/>
          </dgm:constrLst>
          <dgm:ruleLst>
            <dgm:rule type="primFontSz" val="15" fact="NaN" max="NaN"/>
          </dgm:ruleLst>
        </dgm:layoutNode>
        <dgm:layoutNode name="descendantText" styleLbl="alignAccFollowNode1">
          <dgm:varLst>
            <dgm:bulletEnabled/>
          </dgm:varLst>
          <dgm:alg type="tx">
            <dgm:param type="stBulletLvl" val="0"/>
            <dgm:param type="parTxLTRAlign" val="l"/>
            <dgm:param type="shpTxLTRAlignCh" val="l"/>
            <dgm:param type="parTxRTLAlign" val="r"/>
            <dgm:param type="shpTxRTLAlignCh" val="r"/>
          </dgm:alg>
          <dgm:choose name="Name10">
            <dgm:if name="Name11" func="var" arg="dir" op="equ" val="norm">
              <dgm:shape xmlns:r="http://schemas.openxmlformats.org/officeDocument/2006/relationships" type="rect" r:blip="">
                <dgm:adjLst/>
              </dgm:shape>
            </dgm:if>
            <dgm:else name="Name12">
              <dgm:shape xmlns:r="http://schemas.openxmlformats.org/officeDocument/2006/relationships" type="rect" r:blip="">
                <dgm:adjLst/>
              </dgm:shape>
            </dgm:else>
          </dgm:choose>
          <dgm:presOf axis="des" ptType="node"/>
          <dgm:constrLst>
            <dgm:constr type="primFontSz" val="24"/>
            <dgm:constr type="lMarg" refType="w" fact="0.055"/>
            <dgm:constr type="rMarg" refType="w" fact="0.055"/>
            <dgm:constr type="tMarg" refType="h" fact="0.72"/>
            <dgm:constr type="bMarg" refType="h" fact="0.72"/>
          </dgm:constrLst>
          <dgm:ruleLst>
            <dgm:rule type="primFontSz" val="11" fact="NaN" max="NaN"/>
          </dgm:ruleLst>
        </dgm:layoutNod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R="0" lvl="0" algn="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" name="Google Shape;85;p1:notes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86" name="Google Shape;86;p1:notes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is is milestone </a:t>
            </a:r>
            <a:r>
              <a:rPr lang="ar-SA" dirty="0"/>
              <a:t>2</a:t>
            </a:r>
            <a:r>
              <a:rPr lang="en-US" dirty="0"/>
              <a:t>’s agenda. Modify if needed.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2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00710605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8AB7555-E492-315C-A228-A12B640F07F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5B15113-FE36-88F8-5E8C-7460164AF70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9A22750-2906-461B-71B7-1C4F96802D5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8A5D454-2C4B-6F10-1E67-8E30FD103DAA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3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1629354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4059D91-A11E-93C4-20F1-2498948A883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E3B6835-B99C-A066-96C5-8E3CA66F13A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4C37EE3-053D-16AF-CC2F-C7C20298242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E0D6AC6-5E3B-C7E9-F5FE-ABC6036B4E60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4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65762100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CC15703-3D1F-C0D9-A068-627A1835C37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8412E68B-24B3-B1A3-2A20-8D84CA13E11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1F5A7912-15FE-969D-FCCE-6204642A939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AC05BB-D3F5-0DE2-1CA9-61C5617F2F9D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5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90160692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E34A29D-0248-2A4F-295E-07592AC5248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B624E12A-199D-EB02-113E-23FE50CF7F9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C89EA0B-B95E-C424-8C29-1F160F8A7B0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0880D99-2BCE-DE51-2746-79FD98DE2873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6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65745690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D8F0853-C801-4A1B-8AA6-E126043C64C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89D5992-2B6E-5112-F4BE-B24D4AFD251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E9176F2-56B7-3954-9BF6-6B7082406AB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3ADE378-1CE9-2133-4AC3-062209DFD08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7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0159930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spcFirstLastPara="0" lIns="0" tIns="0" rIns="0" bIns="0" anchor="t"/>
          <a:lstStyle/>
          <a:p>
            <a:pPr algn="l" hangingPunct="0">
              <a:lnSpc>
                <a:spcPct val="100000"/>
              </a:lnSpc>
            </a:pPr>
            <a:r>
              <a:rPr lang="en-US" dirty="0">
                <a:latin typeface="Arial"/>
                <a:ea typeface="+mn-ea"/>
                <a:cs typeface="Arial"/>
              </a:rPr>
              <a:t>Start with the verb describing the outcome, then write the rest of the </a:t>
            </a:r>
            <a:r>
              <a:rPr lang="en-US" dirty="0" err="1">
                <a:latin typeface="Arial"/>
                <a:ea typeface="+mn-ea"/>
                <a:cs typeface="Arial"/>
              </a:rPr>
              <a:t>cotcomes</a:t>
            </a:r>
            <a:r>
              <a:rPr lang="en-US" dirty="0">
                <a:latin typeface="Arial"/>
                <a:ea typeface="+mn-ea"/>
                <a:cs typeface="Arial"/>
              </a:rPr>
              <a:t>.</a:t>
            </a:r>
            <a:endParaRPr dirty="0">
              <a:latin typeface="Arial"/>
              <a:ea typeface="+mn-ea"/>
              <a:cs typeface="Arial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F38AFD9-D5DB-4A47-A4BE-251B4DF1413A}" type="slidenum">
              <a:rPr lang="en-US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39131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" type="title">
  <p:cSld name="TITLE">
    <p:spTree>
      <p:nvGrpSpPr>
        <p:cNvPr id="1" name="Shape 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Google Shape;16;p2"/>
          <p:cNvSpPr txBox="1"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R="0" lvl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None/>
              <a:defRPr sz="6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17" name="Google Shape;17;p2"/>
          <p:cNvSpPr txBox="1"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R="0" lvl="0" algn="ctr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ctr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8" name="Google Shape;18;p2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9" name="Google Shape;19;p2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20" name="Google Shape;20;p2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ection Header" type="secHead">
  <p:cSld name="SECTION_HEADER">
    <p:spTree>
      <p:nvGrpSpPr>
        <p:cNvPr id="1" name="Shape 2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oogle Shape;28;p4"/>
          <p:cNvSpPr txBox="1"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None/>
              <a:defRPr sz="6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29" name="Google Shape;29;p4"/>
          <p:cNvSpPr txBox="1"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888888"/>
              </a:buClr>
              <a:buSzPts val="2400"/>
              <a:buFont typeface="Arial"/>
              <a:buNone/>
              <a:defRPr sz="24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2000"/>
              <a:buFont typeface="Arial"/>
              <a:buNone/>
              <a:defRPr sz="20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800"/>
              <a:buFont typeface="Arial"/>
              <a:buNone/>
              <a:defRPr sz="18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Font typeface="Arial"/>
              <a:buNone/>
              <a:defRPr sz="16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0" name="Google Shape;30;p4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1" name="Google Shape;31;p4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2" name="Google Shape;32;p4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ntent" type="twoObj">
  <p:cSld name="TWO_OBJECTS">
    <p:spTree>
      <p:nvGrpSpPr>
        <p:cNvPr id="1" name="Shape 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Google Shape;34;p5"/>
          <p:cNvSpPr txBox="1">
            <a:spLocks noGrp="1"/>
          </p:cNvSpPr>
          <p:nvPr>
            <p:ph type="title" hasCustomPrompt="1"/>
          </p:nvPr>
        </p:nvSpPr>
        <p:spPr>
          <a:xfrm>
            <a:off x="838200" y="1"/>
            <a:ext cx="10515600" cy="7302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bg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r>
              <a:rPr lang="en-US" dirty="0"/>
              <a:t>Title</a:t>
            </a:r>
            <a:endParaRPr dirty="0"/>
          </a:p>
        </p:txBody>
      </p:sp>
      <p:sp>
        <p:nvSpPr>
          <p:cNvPr id="35" name="Google Shape;35;p5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5181600" cy="43513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6" name="Google Shape;36;p5"/>
          <p:cNvSpPr txBox="1">
            <a:spLocks noGrp="1"/>
          </p:cNvSpPr>
          <p:nvPr>
            <p:ph type="body" idx="2"/>
          </p:nvPr>
        </p:nvSpPr>
        <p:spPr>
          <a:xfrm>
            <a:off x="6172200" y="1825625"/>
            <a:ext cx="5181600" cy="43513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7" name="Google Shape;37;p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8" name="Google Shape;38;p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9" name="Google Shape;39;p5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mparison" type="twoTxTwoObj">
  <p:cSld name="TWO_OBJECTS_WITH_TEXT">
    <p:spTree>
      <p:nvGrpSpPr>
        <p:cNvPr id="1" name="Shape 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Google Shape;41;p6"/>
          <p:cNvSpPr txBox="1"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42" name="Google Shape;42;p6"/>
          <p:cNvSpPr txBox="1"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L="457200" marR="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3" name="Google Shape;43;p6"/>
          <p:cNvSpPr txBox="1">
            <a:spLocks noGrp="1"/>
          </p:cNvSpPr>
          <p:nvPr>
            <p:ph type="body" idx="2"/>
          </p:nvPr>
        </p:nvSpPr>
        <p:spPr>
          <a:xfrm>
            <a:off x="839788" y="2505075"/>
            <a:ext cx="5157787" cy="3684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4" name="Google Shape;44;p6"/>
          <p:cNvSpPr txBox="1">
            <a:spLocks noGrp="1"/>
          </p:cNvSpPr>
          <p:nvPr>
            <p:ph type="body" idx="3"/>
          </p:nvPr>
        </p:nvSpPr>
        <p:spPr>
          <a:xfrm>
            <a:off x="6172200" y="1681163"/>
            <a:ext cx="5183188" cy="8239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L="457200" marR="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None/>
              <a:defRPr sz="24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None/>
              <a:defRPr sz="20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None/>
              <a:defRPr sz="18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1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5" name="Google Shape;45;p6"/>
          <p:cNvSpPr txBox="1">
            <a:spLocks noGrp="1"/>
          </p:cNvSpPr>
          <p:nvPr>
            <p:ph type="body" idx="4"/>
          </p:nvPr>
        </p:nvSpPr>
        <p:spPr>
          <a:xfrm>
            <a:off x="6172200" y="2505075"/>
            <a:ext cx="5183188" cy="3684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6" name="Google Shape;46;p6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7" name="Google Shape;47;p6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8" name="Google Shape;48;p6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spTree>
      <p:nvGrpSpPr>
        <p:cNvPr id="1" name="Shape 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Google Shape;55;p8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6" name="Google Shape;56;p8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7" name="Google Shape;57;p8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ntent with Caption" type="objTx">
  <p:cSld name="OBJECT_WITH_CAPTION_TEXT">
    <p:spTree>
      <p:nvGrpSpPr>
        <p:cNvPr id="1" name="Shape 5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Google Shape;59;p9"/>
          <p:cNvSpPr txBox="1"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Calibri"/>
              <a:buNone/>
              <a:defRPr sz="3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60" name="Google Shape;60;p9"/>
          <p:cNvSpPr txBox="1">
            <a:spLocks noGrp="1"/>
          </p:cNvSpPr>
          <p:nvPr>
            <p:ph type="body" idx="1"/>
          </p:nvPr>
        </p:nvSpPr>
        <p:spPr>
          <a:xfrm>
            <a:off x="5183188" y="987425"/>
            <a:ext cx="6172200" cy="48736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318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Arial"/>
              <a:buChar char="•"/>
              <a:defRPr sz="3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4064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61" name="Google Shape;61;p9"/>
          <p:cNvSpPr txBox="1">
            <a:spLocks noGrp="1"/>
          </p:cNvSpPr>
          <p:nvPr>
            <p:ph type="body" idx="2"/>
          </p:nvPr>
        </p:nvSpPr>
        <p:spPr>
          <a:xfrm>
            <a:off x="839788" y="2057400"/>
            <a:ext cx="3932237" cy="3811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Arial"/>
              <a:buNone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None/>
              <a:defRPr sz="1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Font typeface="Arial"/>
              <a:buNone/>
              <a:defRPr sz="1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62" name="Google Shape;62;p9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63" name="Google Shape;63;p9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64" name="Google Shape;64;p9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Vertical Text" type="vertTx">
  <p:cSld name="VERTICAL_TEXT">
    <p:spTree>
      <p:nvGrpSpPr>
        <p:cNvPr id="1" name="Shape 7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3" name="Google Shape;73;p11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74" name="Google Shape;74;p11"/>
          <p:cNvSpPr txBox="1">
            <a:spLocks noGrp="1"/>
          </p:cNvSpPr>
          <p:nvPr>
            <p:ph type="body" idx="1"/>
          </p:nvPr>
        </p:nvSpPr>
        <p:spPr>
          <a:xfrm rot="5400000">
            <a:off x="3920331" y="-1256506"/>
            <a:ext cx="4351338" cy="10515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5" name="Google Shape;75;p11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6" name="Google Shape;76;p11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7" name="Google Shape;77;p11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Vertical Title and Text" type="vertTitleAndTx">
  <p:cSld name="VERTICAL_TITLE_AND_VERTICAL_TEXT">
    <p:spTree>
      <p:nvGrpSpPr>
        <p:cNvPr id="1" name="Shape 7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Google Shape;79;p12"/>
          <p:cNvSpPr txBox="1">
            <a:spLocks noGrp="1"/>
          </p:cNvSpPr>
          <p:nvPr>
            <p:ph type="title"/>
          </p:nvPr>
        </p:nvSpPr>
        <p:spPr>
          <a:xfrm rot="5400000">
            <a:off x="7133431" y="1956594"/>
            <a:ext cx="5811838" cy="2628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80" name="Google Shape;80;p12"/>
          <p:cNvSpPr txBox="1">
            <a:spLocks noGrp="1"/>
          </p:cNvSpPr>
          <p:nvPr>
            <p:ph type="body" idx="1"/>
          </p:nvPr>
        </p:nvSpPr>
        <p:spPr>
          <a:xfrm rot="5400000">
            <a:off x="1799431" y="-596106"/>
            <a:ext cx="5811838" cy="7734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1" name="Google Shape;81;p12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2" name="Google Shape;82;p12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3" name="Google Shape;83;p12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A42DD7-19FD-4E02-A80E-F3BA7B1D85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E84259F-B080-4EAB-836D-A2259861F27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F8A41A-6EE6-4934-B677-06FAD9A6B0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EC634F-52B2-4BF8-828F-7ED291EEEC64}" type="datetimeFigureOut">
              <a:rPr lang="en-US" smtClean="0"/>
              <a:t>1/11/202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EC908C0-8123-463D-AFA1-B69593BDAB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D18AB8-C326-4554-950B-78797464E0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8BE453-0989-489F-B431-8DF996591880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264496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jp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1"/>
          <a:srcRect/>
          <a:stretch>
            <a:fillRect/>
          </a:stretch>
        </a:blip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1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11" name="Google Shape;11;p1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/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2" name="Google Shape;12;p1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3" name="Google Shape;13;p1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4" name="Google Shape;14;p1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50" r:id="rId2"/>
    <p:sldLayoutId id="2147483651" r:id="rId3"/>
    <p:sldLayoutId id="2147483652" r:id="rId4"/>
    <p:sldLayoutId id="2147483654" r:id="rId5"/>
    <p:sldLayoutId id="2147483655" r:id="rId6"/>
    <p:sldLayoutId id="2147483657" r:id="rId7"/>
    <p:sldLayoutId id="2147483658" r:id="rId8"/>
    <p:sldLayoutId id="2147483660" r:id="rId9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9.xml"/><Relationship Id="rId6" Type="http://schemas.openxmlformats.org/officeDocument/2006/relationships/diagramColors" Target="../diagrams/colors5.xml"/><Relationship Id="rId5" Type="http://schemas.openxmlformats.org/officeDocument/2006/relationships/diagramQuickStyle" Target="../diagrams/quickStyle5.xml"/><Relationship Id="rId4" Type="http://schemas.openxmlformats.org/officeDocument/2006/relationships/diagramLayout" Target="../diagrams/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hyperlink" Target="https://www.officetimeline.com/office-timeline/download" TargetMode="Externa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notesSlide" Target="../notesSlides/notesSlide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t="-1000" b="-1000"/>
          </a:stretch>
        </a:blipFill>
        <a:effectLst/>
      </p:bgPr>
    </p:bg>
    <p:spTree>
      <p:nvGrpSpPr>
        <p:cNvPr id="1" name="Shape 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45BA1F-275D-FDF5-C48D-F4DB23EBCB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8000" dirty="0">
                <a:solidFill>
                  <a:schemeClr val="bg1"/>
                </a:solidFill>
              </a:rPr>
              <a:t>Project Title</a:t>
            </a:r>
            <a:endParaRPr lang="en-GB" sz="8000" dirty="0">
              <a:solidFill>
                <a:schemeClr val="bg1"/>
              </a:solidFill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FB5ED75-445A-AA27-F62D-C57EEEAA03D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1"/>
            <a:r>
              <a:rPr lang="en-US" dirty="0">
                <a:solidFill>
                  <a:srgbClr val="C29943"/>
                </a:solidFill>
                <a:latin typeface="DIN Next LT Arabic" panose="020B0503020203050203" pitchFamily="34" charset="-78"/>
                <a:cs typeface="DIN Next LT Arabic" panose="020B0503020203050203" pitchFamily="34" charset="-78"/>
              </a:rPr>
              <a:t>Project Team</a:t>
            </a:r>
          </a:p>
          <a:p>
            <a:pPr rtl="1"/>
            <a:r>
              <a:rPr lang="en-US" dirty="0">
                <a:solidFill>
                  <a:schemeClr val="bg1"/>
                </a:solidFill>
                <a:latin typeface="DIN Next LT Arabic" panose="020B0503020203050203" pitchFamily="34" charset="-78"/>
                <a:cs typeface="DIN Next LT Arabic" panose="020B0503020203050203" pitchFamily="34" charset="-78"/>
              </a:rPr>
              <a:t>Student 1, Student 2, Student 3, Student 4</a:t>
            </a:r>
          </a:p>
          <a:p>
            <a:pPr rtl="1"/>
            <a:r>
              <a:rPr lang="en-US" dirty="0">
                <a:solidFill>
                  <a:srgbClr val="C29943"/>
                </a:solidFill>
                <a:latin typeface="DIN Next LT Arabic" panose="020B0503020203050203" pitchFamily="34" charset="-78"/>
                <a:cs typeface="DIN Next LT Arabic" panose="020B0503020203050203" pitchFamily="34" charset="-78"/>
              </a:rPr>
              <a:t>Supervised by </a:t>
            </a:r>
            <a:r>
              <a:rPr lang="en-US" dirty="0">
                <a:solidFill>
                  <a:schemeClr val="bg1"/>
                </a:solidFill>
                <a:latin typeface="DIN Next LT Arabic" panose="020B0503020203050203" pitchFamily="34" charset="-78"/>
                <a:cs typeface="DIN Next LT Arabic" panose="020B0503020203050203" pitchFamily="34" charset="-78"/>
              </a:rPr>
              <a:t>Faculty member</a:t>
            </a:r>
          </a:p>
          <a:p>
            <a:pPr rtl="1"/>
            <a:endParaRPr lang="en-US" dirty="0">
              <a:solidFill>
                <a:schemeClr val="bg1"/>
              </a:solidFill>
              <a:latin typeface="DIN Next LT Arabic" panose="020B0503020203050203" pitchFamily="34" charset="-78"/>
              <a:cs typeface="DIN Next LT Arabic" panose="020B0503020203050203" pitchFamily="34" charset="-78"/>
            </a:endParaRP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8617F9D5-80BF-C866-7148-C0191A51468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397823760"/>
              </p:ext>
            </p:extLst>
          </p:nvPr>
        </p:nvGraphicFramePr>
        <p:xfrm>
          <a:off x="988828" y="1584251"/>
          <a:ext cx="10026502" cy="468895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19575500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380E1DC-B8B3-B265-8C06-D6C8ABA89D2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8B15D60C-B2A3-A26F-78B4-A9BA344785F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864481503"/>
              </p:ext>
            </p:extLst>
          </p:nvPr>
        </p:nvGraphicFramePr>
        <p:xfrm>
          <a:off x="988828" y="1584251"/>
          <a:ext cx="10026502" cy="468895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34154051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Goals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1" name="Content Placeholder 2">
            <a:extLst>
              <a:ext uri="{FF2B5EF4-FFF2-40B4-BE49-F238E27FC236}">
                <a16:creationId xmlns:a16="http://schemas.microsoft.com/office/drawing/2014/main" id="{EF990B32-4C27-4FFB-A359-61351D599BA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811810954"/>
              </p:ext>
            </p:extLst>
          </p:nvPr>
        </p:nvGraphicFramePr>
        <p:xfrm>
          <a:off x="2454349" y="1244009"/>
          <a:ext cx="7283301" cy="492442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69C3936C-BC4A-6178-D2D6-993E23253C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"/>
            <a:ext cx="10515600" cy="733646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Expected Outcomes</a:t>
            </a:r>
          </a:p>
        </p:txBody>
      </p:sp>
    </p:spTree>
    <p:extLst>
      <p:ext uri="{BB962C8B-B14F-4D97-AF65-F5344CB8AC3E}">
        <p14:creationId xmlns:p14="http://schemas.microsoft.com/office/powerpoint/2010/main" val="46088664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8CE5DF1-D2CB-59AD-7B67-D7ABBA1C970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E79E58EF-F411-21BB-C154-7B2276B04220}"/>
              </a:ext>
            </a:extLst>
          </p:cNvPr>
          <p:cNvSpPr txBox="1">
            <a:spLocks/>
          </p:cNvSpPr>
          <p:nvPr/>
        </p:nvSpPr>
        <p:spPr>
          <a:xfrm>
            <a:off x="838200" y="74429"/>
            <a:ext cx="10515600" cy="680484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4400" dirty="0">
                <a:solidFill>
                  <a:schemeClr val="bg1"/>
                </a:solidFill>
              </a:rPr>
              <a:t>Chart 1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E6DD9FB1-9A11-2D35-C7B3-A073B684B04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56748378"/>
              </p:ext>
            </p:extLst>
          </p:nvPr>
        </p:nvGraphicFramePr>
        <p:xfrm>
          <a:off x="2032000" y="889787"/>
          <a:ext cx="8128000" cy="541866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80789839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4C4D0B7-6502-F622-A231-C478921AC93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81BB44ED-2F84-899C-F187-E042BEB9913A}"/>
              </a:ext>
            </a:extLst>
          </p:cNvPr>
          <p:cNvSpPr txBox="1">
            <a:spLocks/>
          </p:cNvSpPr>
          <p:nvPr/>
        </p:nvSpPr>
        <p:spPr>
          <a:xfrm>
            <a:off x="838200" y="74429"/>
            <a:ext cx="10515600" cy="680484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4400" dirty="0">
                <a:solidFill>
                  <a:schemeClr val="bg1"/>
                </a:solidFill>
              </a:rPr>
              <a:t>Chart 2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1A5B2C97-45F3-7320-E6EA-375DD96069E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82455162"/>
              </p:ext>
            </p:extLst>
          </p:nvPr>
        </p:nvGraphicFramePr>
        <p:xfrm>
          <a:off x="2032000" y="889787"/>
          <a:ext cx="8128000" cy="541866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8838576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40C3C9F-2B3B-8850-EAA1-69166CE1E96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50C3921D-4040-C2BC-7F51-85AC79EABD66}"/>
              </a:ext>
            </a:extLst>
          </p:cNvPr>
          <p:cNvSpPr txBox="1">
            <a:spLocks/>
          </p:cNvSpPr>
          <p:nvPr/>
        </p:nvSpPr>
        <p:spPr>
          <a:xfrm>
            <a:off x="838200" y="74429"/>
            <a:ext cx="10515600" cy="680484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4400" dirty="0">
                <a:solidFill>
                  <a:schemeClr val="bg1"/>
                </a:solidFill>
              </a:rPr>
              <a:t>Chart 3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2FF9F6AE-BC2C-AED5-BA6B-A171C7A5B65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22844599"/>
              </p:ext>
            </p:extLst>
          </p:nvPr>
        </p:nvGraphicFramePr>
        <p:xfrm>
          <a:off x="2032000" y="889787"/>
          <a:ext cx="8128000" cy="541866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82161020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Line">
            <a:extLst>
              <a:ext uri="{FF2B5EF4-FFF2-40B4-BE49-F238E27FC236}">
                <a16:creationId xmlns:a16="http://schemas.microsoft.com/office/drawing/2014/main" id="{009814FF-CDE8-7FF3-25D9-29F45EF8F277}"/>
              </a:ext>
            </a:extLst>
          </p:cNvPr>
          <p:cNvPicPr/>
          <p:nvPr/>
        </p:nvPicPr>
        <p:blipFill rotWithShape="1">
          <a:blip r:embed="rId3"/>
          <a:stretch>
            <a:fillRect/>
          </a:stretch>
        </p:blipFill>
        <p:spPr>
          <a:xfrm rot="5400000">
            <a:off x="2870439" y="3447994"/>
            <a:ext cx="4256927" cy="223924"/>
          </a:xfrm>
          <a:prstGeom prst="rect">
            <a:avLst/>
          </a:prstGeom>
        </p:spPr>
      </p:pic>
      <p:sp>
        <p:nvSpPr>
          <p:cNvPr id="8" name="Title 7">
            <a:extLst>
              <a:ext uri="{FF2B5EF4-FFF2-40B4-BE49-F238E27FC236}">
                <a16:creationId xmlns:a16="http://schemas.microsoft.com/office/drawing/2014/main" id="{2B1B18CF-10E1-EF51-3B7D-A2EC2C63E6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24691"/>
            <a:ext cx="10515600" cy="716973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genda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4" name="title copy">
            <a:extLst>
              <a:ext uri="{FF2B5EF4-FFF2-40B4-BE49-F238E27FC236}">
                <a16:creationId xmlns:a16="http://schemas.microsoft.com/office/drawing/2014/main" id="{0E2E960C-CF1F-4838-0350-4C3554BFCCB0}"/>
              </a:ext>
            </a:extLst>
          </p:cNvPr>
          <p:cNvSpPr/>
          <p:nvPr/>
        </p:nvSpPr>
        <p:spPr>
          <a:xfrm>
            <a:off x="1104687" y="1384498"/>
            <a:ext cx="3782255" cy="755651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algn="l" hangingPunct="0">
              <a:lnSpc>
                <a:spcPct val="100000"/>
              </a:lnSpc>
            </a:pPr>
            <a:r>
              <a:rPr lang="en-US" sz="4217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ilestone 2</a:t>
            </a:r>
          </a:p>
        </p:txBody>
      </p:sp>
      <p:pic>
        <p:nvPicPr>
          <p:cNvPr id="15" name="Line-24">
            <a:extLst>
              <a:ext uri="{FF2B5EF4-FFF2-40B4-BE49-F238E27FC236}">
                <a16:creationId xmlns:a16="http://schemas.microsoft.com/office/drawing/2014/main" id="{2559CF55-CE50-E637-584D-CC649D44E9BE}"/>
              </a:ext>
            </a:extLst>
          </p:cNvPr>
          <p:cNvPicPr/>
          <p:nvPr/>
        </p:nvPicPr>
        <p:blipFill rotWithShape="1">
          <a:blip r:embed="rId4"/>
          <a:stretch>
            <a:fillRect/>
          </a:stretch>
        </p:blipFill>
        <p:spPr>
          <a:xfrm rot="5400000">
            <a:off x="436265" y="1664902"/>
            <a:ext cx="755651" cy="138050"/>
          </a:xfrm>
          <a:prstGeom prst="rect">
            <a:avLst/>
          </a:prstGeom>
          <a:solidFill>
            <a:srgbClr val="C29943"/>
          </a:solidFill>
          <a:ln>
            <a:noFill/>
          </a:ln>
        </p:spPr>
      </p:pic>
      <p:sp>
        <p:nvSpPr>
          <p:cNvPr id="16" name="Diamond Container">
            <a:extLst>
              <a:ext uri="{FF2B5EF4-FFF2-40B4-BE49-F238E27FC236}">
                <a16:creationId xmlns:a16="http://schemas.microsoft.com/office/drawing/2014/main" id="{F3409237-BDC6-1C1A-1FCB-0EEDEB4C1A68}"/>
              </a:ext>
            </a:extLst>
          </p:cNvPr>
          <p:cNvSpPr/>
          <p:nvPr/>
        </p:nvSpPr>
        <p:spPr>
          <a:xfrm>
            <a:off x="4604681" y="1284814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1</a:t>
            </a:r>
          </a:p>
        </p:txBody>
      </p:sp>
      <p:sp>
        <p:nvSpPr>
          <p:cNvPr id="25" name="Diamond Container">
            <a:extLst>
              <a:ext uri="{FF2B5EF4-FFF2-40B4-BE49-F238E27FC236}">
                <a16:creationId xmlns:a16="http://schemas.microsoft.com/office/drawing/2014/main" id="{A6FCB858-B8CB-20BD-F9D5-18846ED763E9}"/>
              </a:ext>
            </a:extLst>
          </p:cNvPr>
          <p:cNvSpPr/>
          <p:nvPr/>
        </p:nvSpPr>
        <p:spPr>
          <a:xfrm>
            <a:off x="4604680" y="2602646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2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6" name="Diamond Container">
            <a:extLst>
              <a:ext uri="{FF2B5EF4-FFF2-40B4-BE49-F238E27FC236}">
                <a16:creationId xmlns:a16="http://schemas.microsoft.com/office/drawing/2014/main" id="{717E4D21-FFBB-7482-C010-FFED40129F11}"/>
              </a:ext>
            </a:extLst>
          </p:cNvPr>
          <p:cNvSpPr/>
          <p:nvPr/>
        </p:nvSpPr>
        <p:spPr>
          <a:xfrm>
            <a:off x="4604680" y="5232580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4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8" name="Diamond Container">
            <a:extLst>
              <a:ext uri="{FF2B5EF4-FFF2-40B4-BE49-F238E27FC236}">
                <a16:creationId xmlns:a16="http://schemas.microsoft.com/office/drawing/2014/main" id="{F68AF533-DF72-12E6-87E3-175831112627}"/>
              </a:ext>
            </a:extLst>
          </p:cNvPr>
          <p:cNvSpPr/>
          <p:nvPr/>
        </p:nvSpPr>
        <p:spPr>
          <a:xfrm>
            <a:off x="4604680" y="3917613"/>
            <a:ext cx="874682" cy="874682"/>
          </a:xfrm>
          <a:prstGeom prst="ellipse">
            <a:avLst/>
          </a:prstGeom>
          <a:solidFill>
            <a:srgbClr val="106F77"/>
          </a:solidFill>
          <a:ln w="19050" cmpd="sng">
            <a:noFill/>
          </a:ln>
        </p:spPr>
        <p:txBody>
          <a:bodyPr spcFirstLastPara="0" lIns="0" tIns="0" rIns="0" bIns="0" anchor="ctr"/>
          <a:lstStyle/>
          <a:p>
            <a:pPr algn="ctr" hangingPunct="0">
              <a:lnSpc>
                <a:spcPct val="100000"/>
              </a:lnSpc>
            </a:pPr>
            <a:r>
              <a:rPr lang="en-US" sz="2108" dirty="0">
                <a:solidFill>
                  <a:srgbClr val="FFFFFB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3</a:t>
            </a:r>
            <a:endParaRPr sz="2108" dirty="0">
              <a:solidFill>
                <a:srgbClr val="FFFFFB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3" name="title copy">
            <a:extLst>
              <a:ext uri="{FF2B5EF4-FFF2-40B4-BE49-F238E27FC236}">
                <a16:creationId xmlns:a16="http://schemas.microsoft.com/office/drawing/2014/main" id="{7C3EB8F4-26D4-E8CA-13EA-06BCA0F8EC62}"/>
              </a:ext>
            </a:extLst>
          </p:cNvPr>
          <p:cNvSpPr/>
          <p:nvPr/>
        </p:nvSpPr>
        <p:spPr>
          <a:xfrm>
            <a:off x="5709539" y="1577891"/>
            <a:ext cx="5641797" cy="312072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/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ools Used in Project Proposal</a:t>
            </a:r>
          </a:p>
        </p:txBody>
      </p:sp>
      <p:sp>
        <p:nvSpPr>
          <p:cNvPr id="42" name="title copy">
            <a:extLst>
              <a:ext uri="{FF2B5EF4-FFF2-40B4-BE49-F238E27FC236}">
                <a16:creationId xmlns:a16="http://schemas.microsoft.com/office/drawing/2014/main" id="{127AD7E3-87F6-4274-8E4A-52659247090A}"/>
              </a:ext>
            </a:extLst>
          </p:cNvPr>
          <p:cNvSpPr/>
          <p:nvPr/>
        </p:nvSpPr>
        <p:spPr>
          <a:xfrm>
            <a:off x="5709541" y="2712027"/>
            <a:ext cx="5641796" cy="716973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endParaRPr lang="en-US"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3" name="title copy">
            <a:extLst>
              <a:ext uri="{FF2B5EF4-FFF2-40B4-BE49-F238E27FC236}">
                <a16:creationId xmlns:a16="http://schemas.microsoft.com/office/drawing/2014/main" id="{CED25BB5-6EB8-C2AB-4742-135C69EE2FA4}"/>
              </a:ext>
            </a:extLst>
          </p:cNvPr>
          <p:cNvSpPr/>
          <p:nvPr/>
        </p:nvSpPr>
        <p:spPr>
          <a:xfrm>
            <a:off x="5709539" y="4145575"/>
            <a:ext cx="5641796" cy="418758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ools &amp; Techniques for Implementation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5" name="title copy">
            <a:extLst>
              <a:ext uri="{FF2B5EF4-FFF2-40B4-BE49-F238E27FC236}">
                <a16:creationId xmlns:a16="http://schemas.microsoft.com/office/drawing/2014/main" id="{7500DCB4-B295-1F25-3602-659FE0255443}"/>
              </a:ext>
            </a:extLst>
          </p:cNvPr>
          <p:cNvSpPr/>
          <p:nvPr/>
        </p:nvSpPr>
        <p:spPr>
          <a:xfrm>
            <a:off x="5709539" y="5475233"/>
            <a:ext cx="5641796" cy="418758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>
              <a:lnSpc>
                <a:spcPct val="100000"/>
              </a:lnSpc>
            </a:pPr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dentified tasks &amp; plan for implementation</a:t>
            </a:r>
            <a:endParaRPr sz="2108" dirty="0">
              <a:solidFill>
                <a:srgbClr val="0C3555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itle copy">
            <a:extLst>
              <a:ext uri="{FF2B5EF4-FFF2-40B4-BE49-F238E27FC236}">
                <a16:creationId xmlns:a16="http://schemas.microsoft.com/office/drawing/2014/main" id="{E4E33086-F2AC-F56B-B1F9-706335C475C6}"/>
              </a:ext>
            </a:extLst>
          </p:cNvPr>
          <p:cNvSpPr/>
          <p:nvPr/>
        </p:nvSpPr>
        <p:spPr>
          <a:xfrm>
            <a:off x="5709540" y="2881086"/>
            <a:ext cx="5641797" cy="312072"/>
          </a:xfrm>
          <a:prstGeom prst="rect">
            <a:avLst/>
          </a:prstGeom>
        </p:spPr>
        <p:txBody>
          <a:bodyPr spcFirstLastPara="0" lIns="0" tIns="0" rIns="0" bIns="0" anchor="t"/>
          <a:lstStyle/>
          <a:p>
            <a:pPr hangingPunct="0"/>
            <a:r>
              <a:rPr lang="en-US" sz="2108" dirty="0">
                <a:solidFill>
                  <a:srgbClr val="0C3555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Details of the proposed design</a:t>
            </a:r>
          </a:p>
        </p:txBody>
      </p:sp>
    </p:spTree>
    <p:extLst>
      <p:ext uri="{BB962C8B-B14F-4D97-AF65-F5344CB8AC3E}">
        <p14:creationId xmlns:p14="http://schemas.microsoft.com/office/powerpoint/2010/main" val="33351203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33" grpId="0"/>
      <p:bldP spid="2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D09EFEA-CEC5-BA43-0CAD-B373C810716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5CE82E05-1C1C-DCAF-A3B1-0C14D5D3AC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oject Recap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623F467-9FCD-632A-4641-C7BE592FA8E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Start by revising the context of the problem and project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5664382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B27703C-61A9-681F-0465-5CE90F5E359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AFF94742-B930-6891-C4CF-3DE7C8180C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ools Used in Project Proposal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389A29B-6631-488F-C819-39008684BC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US" dirty="0"/>
              <a:t>List the tools used in Project Proposal. You may use icons here instead of text (Remove this line for the presentation).</a:t>
            </a:r>
            <a:endParaRPr lang="en-GB" dirty="0"/>
          </a:p>
        </p:txBody>
      </p:sp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D0750B5D-4B2F-8C91-144A-8D54667B4F4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99435568"/>
              </p:ext>
            </p:extLst>
          </p:nvPr>
        </p:nvGraphicFramePr>
        <p:xfrm>
          <a:off x="1082749" y="2849524"/>
          <a:ext cx="10026502" cy="31791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99480429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6084ABE-FB17-9AA8-9F41-05A59DC82BE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7D4123B-5A5E-2826-45A5-64C3F765F5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sz="36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ools &amp; </a:t>
            </a:r>
            <a:r>
              <a:rPr lang="en-US" sz="36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</a:t>
            </a:r>
            <a:r>
              <a:rPr lang="en-US" sz="36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chniques </a:t>
            </a:r>
            <a:r>
              <a:rPr lang="en-US" sz="3600" dirty="0"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or </a:t>
            </a:r>
            <a:r>
              <a:rPr lang="en-US" sz="36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mplementation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3B869ED-1B87-F2A5-8CA5-7B8F4AB2AB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US" dirty="0"/>
              <a:t>List the tools and techniques to be used in Project Implementation. You may use icons here instead of text (Remove this line for the presentation).</a:t>
            </a:r>
            <a:endParaRPr lang="en-GB" dirty="0"/>
          </a:p>
        </p:txBody>
      </p:sp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D4CE74DA-3CA1-2BAF-9374-63C6C84F6F80}"/>
              </a:ext>
            </a:extLst>
          </p:cNvPr>
          <p:cNvGraphicFramePr/>
          <p:nvPr/>
        </p:nvGraphicFramePr>
        <p:xfrm>
          <a:off x="1082749" y="2849524"/>
          <a:ext cx="10026502" cy="31791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408293414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FF45AD1-ABEE-1DD0-971F-D4F163FE0E8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8D5BA0EE-4441-F58D-64F9-5E31710F38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2991" y="0"/>
            <a:ext cx="10515600" cy="873567"/>
          </a:xfrm>
        </p:spPr>
        <p:txBody>
          <a:bodyPr/>
          <a:lstStyle/>
          <a:p>
            <a:pPr algn="ctr"/>
            <a:r>
              <a:rPr lang="en-US" sz="40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dentified tasks &amp; plan for implementation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15F6B74-F52F-25B0-AA69-F288190D39D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92835" y="1216794"/>
            <a:ext cx="10515600" cy="940213"/>
          </a:xfrm>
        </p:spPr>
        <p:txBody>
          <a:bodyPr/>
          <a:lstStyle/>
          <a:p>
            <a:r>
              <a:rPr lang="en-US" dirty="0"/>
              <a:t>This is a sample for your reference. If you want to adopt the same design, you may install the free version of </a:t>
            </a:r>
            <a:r>
              <a:rPr lang="en-US" dirty="0" err="1">
                <a:hlinkClick r:id="rId74"/>
              </a:rPr>
              <a:t>Officetimeline</a:t>
            </a:r>
            <a:r>
              <a:rPr lang="en-US" dirty="0"/>
              <a:t>.</a:t>
            </a:r>
            <a:endParaRPr lang="en-GB" dirty="0"/>
          </a:p>
        </p:txBody>
      </p:sp>
      <p:sp>
        <p:nvSpPr>
          <p:cNvPr id="3" name="OTLSHAPE_SL_1d8a8851fe4c4cedb912d882b031d169_BackgroundRectangle">
            <a:extLst>
              <a:ext uri="{FF2B5EF4-FFF2-40B4-BE49-F238E27FC236}">
                <a16:creationId xmlns:a16="http://schemas.microsoft.com/office/drawing/2014/main" id="{039D5CDB-8A10-A209-7EA3-E39F4121B1DE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77333" y="3021008"/>
            <a:ext cx="11290300" cy="1556343"/>
          </a:xfrm>
          <a:prstGeom prst="rect">
            <a:avLst/>
          </a:prstGeom>
          <a:solidFill>
            <a:schemeClr val="accent2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4" name="OTLSHAPE_SL_127236de431347059e7147e84c71f74e_BackgroundRectangle">
            <a:extLst>
              <a:ext uri="{FF2B5EF4-FFF2-40B4-BE49-F238E27FC236}">
                <a16:creationId xmlns:a16="http://schemas.microsoft.com/office/drawing/2014/main" id="{23870C90-6F78-0750-5456-7CAB60B7DCF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277333" y="4640851"/>
            <a:ext cx="11290300" cy="948775"/>
          </a:xfrm>
          <a:prstGeom prst="rect">
            <a:avLst/>
          </a:prstGeom>
          <a:solidFill>
            <a:srgbClr val="156082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RightEndCaps">
            <a:extLst>
              <a:ext uri="{FF2B5EF4-FFF2-40B4-BE49-F238E27FC236}">
                <a16:creationId xmlns:a16="http://schemas.microsoft.com/office/drawing/2014/main" id="{4073F702-FD8B-5BB9-EE55-89B0B08C9E9A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741715" y="2583085"/>
            <a:ext cx="342914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44" dirty="0">
                <a:solidFill>
                  <a:sysClr val="windowText" lastClr="000000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6" name="OTLSHAPE_TB_00000000000000000000000000000000_ScaleContainer">
            <a:extLst>
              <a:ext uri="{FF2B5EF4-FFF2-40B4-BE49-F238E27FC236}">
                <a16:creationId xmlns:a16="http://schemas.microsoft.com/office/drawing/2014/main" id="{C22AE5B5-0D13-740F-2D7E-7F3ECB83631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306033" y="2563808"/>
            <a:ext cx="10261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905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SL_1d8a8851fe4c4cedb912d882b031d169_HeaderRectangle">
            <a:extLst>
              <a:ext uri="{FF2B5EF4-FFF2-40B4-BE49-F238E27FC236}">
                <a16:creationId xmlns:a16="http://schemas.microsoft.com/office/drawing/2014/main" id="{94247A11-82F3-EF19-8C2D-22B2AE74F54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277333" y="3021008"/>
            <a:ext cx="901700" cy="1556343"/>
          </a:xfrm>
          <a:prstGeom prst="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SL_127236de431347059e7147e84c71f74e_HeaderRectangle">
            <a:extLst>
              <a:ext uri="{FF2B5EF4-FFF2-40B4-BE49-F238E27FC236}">
                <a16:creationId xmlns:a16="http://schemas.microsoft.com/office/drawing/2014/main" id="{DAACC1A9-9786-C8DC-B8F6-4C010A48FA3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77333" y="4640851"/>
            <a:ext cx="901700" cy="948775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0" name="OTLSHAPE_G_00000000000000000000000000000000_ShapeBelow0">
            <a:extLst>
              <a:ext uri="{FF2B5EF4-FFF2-40B4-BE49-F238E27FC236}">
                <a16:creationId xmlns:a16="http://schemas.microsoft.com/office/drawing/2014/main" id="{2217A616-DFA5-61D4-9E07-C103DCAFE73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052820" y="2817808"/>
            <a:ext cx="0" cy="27718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G_00000000000000000000000000000000_ShapeBelow1">
            <a:extLst>
              <a:ext uri="{FF2B5EF4-FFF2-40B4-BE49-F238E27FC236}">
                <a16:creationId xmlns:a16="http://schemas.microsoft.com/office/drawing/2014/main" id="{8656BC02-5A70-B0BC-46F9-9043F57F7577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4799608" y="2817808"/>
            <a:ext cx="0" cy="27718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OTLSHAPE_G_00000000000000000000000000000000_ShapeBelow2">
            <a:extLst>
              <a:ext uri="{FF2B5EF4-FFF2-40B4-BE49-F238E27FC236}">
                <a16:creationId xmlns:a16="http://schemas.microsoft.com/office/drawing/2014/main" id="{E7B1373F-FF6B-4D76-56A0-033BFFC7CF0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377352" y="2817808"/>
            <a:ext cx="0" cy="27718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G_00000000000000000000000000000000_ShapeBelow3">
            <a:extLst>
              <a:ext uri="{FF2B5EF4-FFF2-40B4-BE49-F238E27FC236}">
                <a16:creationId xmlns:a16="http://schemas.microsoft.com/office/drawing/2014/main" id="{5025098A-B343-1657-F73A-A11C1B8DAEC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124140" y="2817808"/>
            <a:ext cx="0" cy="27718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G_00000000000000000000000000000000_ShapeBelow4">
            <a:extLst>
              <a:ext uri="{FF2B5EF4-FFF2-40B4-BE49-F238E27FC236}">
                <a16:creationId xmlns:a16="http://schemas.microsoft.com/office/drawing/2014/main" id="{EA9AA942-F2DF-1184-54DC-C7730A2C2D0A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814580" y="2817808"/>
            <a:ext cx="0" cy="2771817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" name="OTLSHAPE_SLT_7837d06b72d74a548a398fad8771abbe_Shape">
            <a:extLst>
              <a:ext uri="{FF2B5EF4-FFF2-40B4-BE49-F238E27FC236}">
                <a16:creationId xmlns:a16="http://schemas.microsoft.com/office/drawing/2014/main" id="{405D57D7-226D-8700-743A-C7E2877217D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996434" y="3066855"/>
            <a:ext cx="1143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SLT_3996f0f42fe749778d5a167da5e27b4c_Shape">
            <a:extLst>
              <a:ext uri="{FF2B5EF4-FFF2-40B4-BE49-F238E27FC236}">
                <a16:creationId xmlns:a16="http://schemas.microsoft.com/office/drawing/2014/main" id="{1F5183F9-5592-D705-EC71-6045A8599D0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672649" y="3300874"/>
            <a:ext cx="2311400" cy="155025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T_e4cefc14526f4af7a7bbbbaeb737bed0_Shape">
            <a:extLst>
              <a:ext uri="{FF2B5EF4-FFF2-40B4-BE49-F238E27FC236}">
                <a16:creationId xmlns:a16="http://schemas.microsoft.com/office/drawing/2014/main" id="{831BCA1E-CED0-2A54-C627-1010568B379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672649" y="3534892"/>
            <a:ext cx="1079500" cy="155025"/>
          </a:xfrm>
          <a:prstGeom prst="roundRect">
            <a:avLst/>
          </a:prstGeom>
          <a:solidFill>
            <a:schemeClr val="accent3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T_76c5f62a1a1349118e2e5963286832ac_Shape">
            <a:extLst>
              <a:ext uri="{FF2B5EF4-FFF2-40B4-BE49-F238E27FC236}">
                <a16:creationId xmlns:a16="http://schemas.microsoft.com/office/drawing/2014/main" id="{4BFA394B-9530-5FE8-407B-0B929131CD6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672649" y="3768911"/>
            <a:ext cx="1079500" cy="155025"/>
          </a:xfrm>
          <a:prstGeom prst="roundRect">
            <a:avLst/>
          </a:prstGeom>
          <a:solidFill>
            <a:schemeClr val="accent4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T_e54c4d17ccf64fff8091ceb94b9903e3_Shape">
            <a:extLst>
              <a:ext uri="{FF2B5EF4-FFF2-40B4-BE49-F238E27FC236}">
                <a16:creationId xmlns:a16="http://schemas.microsoft.com/office/drawing/2014/main" id="{A2C190A6-FF76-20CC-E5D8-4E6A40ABCEC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855957" y="4072695"/>
            <a:ext cx="1079500" cy="155025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SLT_a63304a9a6974c98bdaea49a8a7aa1c2_Shape">
            <a:extLst>
              <a:ext uri="{FF2B5EF4-FFF2-40B4-BE49-F238E27FC236}">
                <a16:creationId xmlns:a16="http://schemas.microsoft.com/office/drawing/2014/main" id="{8A8D9A43-EE0D-4771-1679-DE420B6064B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855957" y="4376479"/>
            <a:ext cx="1079500" cy="155025"/>
          </a:xfrm>
          <a:prstGeom prst="roundRect">
            <a:avLst/>
          </a:prstGeom>
          <a:solidFill>
            <a:schemeClr val="accent3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T_00d418c7c4214822b19eb2b845edbf7b_Shape">
            <a:extLst>
              <a:ext uri="{FF2B5EF4-FFF2-40B4-BE49-F238E27FC236}">
                <a16:creationId xmlns:a16="http://schemas.microsoft.com/office/drawing/2014/main" id="{D442E12A-493A-F530-7FE9-EC4B8BCE100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617008" y="4920716"/>
            <a:ext cx="1079500" cy="155025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2" name="OTLSHAPE_SLT_85792e9c8a9f47f3a8499e9f302fc641_Shape">
            <a:extLst>
              <a:ext uri="{FF2B5EF4-FFF2-40B4-BE49-F238E27FC236}">
                <a16:creationId xmlns:a16="http://schemas.microsoft.com/office/drawing/2014/main" id="{76D55581-14B8-492A-3613-390799A89B7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800317" y="5154735"/>
            <a:ext cx="1079500" cy="155025"/>
          </a:xfrm>
          <a:prstGeom prst="roundRect">
            <a:avLst/>
          </a:prstGeom>
          <a:solidFill>
            <a:schemeClr val="accent3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3" name="OTLSHAPE_SLT_6da813c3211041fa80c1da6754fcbf3f_Shape">
            <a:extLst>
              <a:ext uri="{FF2B5EF4-FFF2-40B4-BE49-F238E27FC236}">
                <a16:creationId xmlns:a16="http://schemas.microsoft.com/office/drawing/2014/main" id="{98FF1AE6-F9C7-E278-CC3F-295FCFC678B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433701" y="4686698"/>
            <a:ext cx="1079500" cy="155025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SLT_f774f87351344c35a4d5f60e57ceeebc_Shape">
            <a:extLst>
              <a:ext uri="{FF2B5EF4-FFF2-40B4-BE49-F238E27FC236}">
                <a16:creationId xmlns:a16="http://schemas.microsoft.com/office/drawing/2014/main" id="{FFC44EFC-473F-7C1C-842D-2E287BB1F84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672649" y="5388754"/>
            <a:ext cx="6375400" cy="155025"/>
          </a:xfrm>
          <a:prstGeom prst="roundRect">
            <a:avLst/>
          </a:prstGeom>
          <a:solidFill>
            <a:schemeClr val="accent6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SLT_7837d06b72d74a548a398fad8771abbe_ShapePercentage">
            <a:extLst>
              <a:ext uri="{FF2B5EF4-FFF2-40B4-BE49-F238E27FC236}">
                <a16:creationId xmlns:a16="http://schemas.microsoft.com/office/drawing/2014/main" id="{AC0AF2EB-EBF8-4BB2-8F96-453B591B5DD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996434" y="3066855"/>
            <a:ext cx="88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SLT_3996f0f42fe749778d5a167da5e27b4c_ShapePercentage">
            <a:extLst>
              <a:ext uri="{FF2B5EF4-FFF2-40B4-BE49-F238E27FC236}">
                <a16:creationId xmlns:a16="http://schemas.microsoft.com/office/drawing/2014/main" id="{FC2299AC-542F-DF17-6F3D-1A7102D04B6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672649" y="3300874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SLT_e4cefc14526f4af7a7bbbbaeb737bed0_ShapePercentage">
            <a:extLst>
              <a:ext uri="{FF2B5EF4-FFF2-40B4-BE49-F238E27FC236}">
                <a16:creationId xmlns:a16="http://schemas.microsoft.com/office/drawing/2014/main" id="{EAEFCCF9-7FE2-3CDD-7A29-1DE6DDC3DCD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672649" y="3534892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SLT_76c5f62a1a1349118e2e5963286832ac_ShapePercentage">
            <a:extLst>
              <a:ext uri="{FF2B5EF4-FFF2-40B4-BE49-F238E27FC236}">
                <a16:creationId xmlns:a16="http://schemas.microsoft.com/office/drawing/2014/main" id="{9B831DD2-A53F-6761-CD66-66BDF9263ED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672649" y="3768911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SLT_e54c4d17ccf64fff8091ceb94b9903e3_ShapePercentage">
            <a:extLst>
              <a:ext uri="{FF2B5EF4-FFF2-40B4-BE49-F238E27FC236}">
                <a16:creationId xmlns:a16="http://schemas.microsoft.com/office/drawing/2014/main" id="{32CBCED0-A6F3-12D7-08B5-D1DFBB8320F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855957" y="4072695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SLT_a63304a9a6974c98bdaea49a8a7aa1c2_ShapePercentage">
            <a:extLst>
              <a:ext uri="{FF2B5EF4-FFF2-40B4-BE49-F238E27FC236}">
                <a16:creationId xmlns:a16="http://schemas.microsoft.com/office/drawing/2014/main" id="{974D2C72-5019-3B05-F852-446B1535388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855957" y="4376479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T_00d418c7c4214822b19eb2b845edbf7b_ShapePercentage">
            <a:extLst>
              <a:ext uri="{FF2B5EF4-FFF2-40B4-BE49-F238E27FC236}">
                <a16:creationId xmlns:a16="http://schemas.microsoft.com/office/drawing/2014/main" id="{6876D67E-2953-A62C-A023-F8D68DCEDEA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617008" y="4920716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SLT_85792e9c8a9f47f3a8499e9f302fc641_ShapePercentage">
            <a:extLst>
              <a:ext uri="{FF2B5EF4-FFF2-40B4-BE49-F238E27FC236}">
                <a16:creationId xmlns:a16="http://schemas.microsoft.com/office/drawing/2014/main" id="{1035EE5A-ED8F-CECD-949C-A7DAFC3F01A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800317" y="5154735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T_6da813c3211041fa80c1da6754fcbf3f_ShapePercentage">
            <a:extLst>
              <a:ext uri="{FF2B5EF4-FFF2-40B4-BE49-F238E27FC236}">
                <a16:creationId xmlns:a16="http://schemas.microsoft.com/office/drawing/2014/main" id="{80B8EF52-7153-3DE2-2627-95ED720B2D1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433701" y="4686698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f774f87351344c35a4d5f60e57ceeebc_ShapePercentage">
            <a:extLst>
              <a:ext uri="{FF2B5EF4-FFF2-40B4-BE49-F238E27FC236}">
                <a16:creationId xmlns:a16="http://schemas.microsoft.com/office/drawing/2014/main" id="{050501FE-08C5-8CF2-11BB-618AC5B729E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672649" y="5388754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SL_1d8a8851fe4c4cedb912d882b031d169_Header">
            <a:extLst>
              <a:ext uri="{FF2B5EF4-FFF2-40B4-BE49-F238E27FC236}">
                <a16:creationId xmlns:a16="http://schemas.microsoft.com/office/drawing/2014/main" id="{EA286862-6BA2-9716-B655-B6919889964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77333" y="3706152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36" name="OTLSHAPE_SL_127236de431347059e7147e84c71f74e_Header">
            <a:extLst>
              <a:ext uri="{FF2B5EF4-FFF2-40B4-BE49-F238E27FC236}">
                <a16:creationId xmlns:a16="http://schemas.microsoft.com/office/drawing/2014/main" id="{2BD032C5-EDF6-693C-1952-D2D73B5D438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77333" y="5022210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37" name="OTLSHAPE_TB_00000000000000000000000000000000_TimescaleInterval1">
            <a:extLst>
              <a:ext uri="{FF2B5EF4-FFF2-40B4-BE49-F238E27FC236}">
                <a16:creationId xmlns:a16="http://schemas.microsoft.com/office/drawing/2014/main" id="{26B21C70-9CA3-5146-01B0-2C40BBCBF4B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369533" y="2597781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8" name="OTLSHAPE_TB_00000000000000000000000000000000_TimescaleInterval2">
            <a:extLst>
              <a:ext uri="{FF2B5EF4-FFF2-40B4-BE49-F238E27FC236}">
                <a16:creationId xmlns:a16="http://schemas.microsoft.com/office/drawing/2014/main" id="{B696527C-9E51-F032-C9EF-A0D94083FE0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116321" y="2597781"/>
            <a:ext cx="2028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B_00000000000000000000000000000000_TimescaleInterval3">
            <a:extLst>
              <a:ext uri="{FF2B5EF4-FFF2-40B4-BE49-F238E27FC236}">
                <a16:creationId xmlns:a16="http://schemas.microsoft.com/office/drawing/2014/main" id="{F85EBB3C-6397-AFD5-B796-A3F463AA54F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863109" y="2597781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GB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7837d06b72d74a548a398fad8771abbe_JoinedDate">
            <a:extLst>
              <a:ext uri="{FF2B5EF4-FFF2-40B4-BE49-F238E27FC236}">
                <a16:creationId xmlns:a16="http://schemas.microsoft.com/office/drawing/2014/main" id="{48048C37-ED49-555F-6555-66E9FAF3A90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235661" y="306685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Dec 30 - Jan 1</a:t>
            </a:r>
          </a:p>
        </p:txBody>
      </p:sp>
      <p:sp>
        <p:nvSpPr>
          <p:cNvPr id="41" name="OTLSHAPE_SLT_7837d06b72d74a548a398fad8771abbe_Title">
            <a:extLst>
              <a:ext uri="{FF2B5EF4-FFF2-40B4-BE49-F238E27FC236}">
                <a16:creationId xmlns:a16="http://schemas.microsoft.com/office/drawing/2014/main" id="{2F239123-264F-71AF-7B60-7DC3C708C4A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159930" y="3059108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corporating feedback from Milestone 2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7837d06b72d74a548a398fad8771abbe_TextPercentage">
            <a:extLst>
              <a:ext uri="{FF2B5EF4-FFF2-40B4-BE49-F238E27FC236}">
                <a16:creationId xmlns:a16="http://schemas.microsoft.com/office/drawing/2014/main" id="{95BF71E2-C11C-5873-ABA9-E2FEAA4FA9A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009134" y="3066855"/>
            <a:ext cx="7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6">
                <a:solidFill>
                  <a:srgbClr val="EEECE1"/>
                </a:solidFill>
                <a:latin typeface="Calibri" panose="020F0502020204030204" pitchFamily="34" charset="0"/>
              </a:rPr>
              <a:t>0</a:t>
            </a:r>
          </a:p>
        </p:txBody>
      </p:sp>
      <p:sp>
        <p:nvSpPr>
          <p:cNvPr id="43" name="OTLSHAPE_SLT_3996f0f42fe749778d5a167da5e27b4c_JoinedDate">
            <a:extLst>
              <a:ext uri="{FF2B5EF4-FFF2-40B4-BE49-F238E27FC236}">
                <a16:creationId xmlns:a16="http://schemas.microsoft.com/office/drawing/2014/main" id="{DE9FD950-0AE4-2161-DAEB-56CDCF5BCEF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856166" y="3300874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Jan 12 - Feb 21</a:t>
            </a:r>
          </a:p>
        </p:txBody>
      </p:sp>
      <p:sp>
        <p:nvSpPr>
          <p:cNvPr id="44" name="OTLSHAPE_SLT_3996f0f42fe749778d5a167da5e27b4c_Title">
            <a:extLst>
              <a:ext uri="{FF2B5EF4-FFF2-40B4-BE49-F238E27FC236}">
                <a16:creationId xmlns:a16="http://schemas.microsoft.com/office/drawing/2014/main" id="{B5E311EE-F06C-E853-FB5D-38FDEA9A8D9F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033677" y="3293127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Building the hardware prototype</a:t>
            </a:r>
          </a:p>
        </p:txBody>
      </p:sp>
      <p:sp>
        <p:nvSpPr>
          <p:cNvPr id="45" name="OTLSHAPE_SLT_3996f0f42fe749778d5a167da5e27b4c_TextPercentage">
            <a:extLst>
              <a:ext uri="{FF2B5EF4-FFF2-40B4-BE49-F238E27FC236}">
                <a16:creationId xmlns:a16="http://schemas.microsoft.com/office/drawing/2014/main" id="{5F03F63E-3F64-8241-805E-0506D668FBB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685349" y="3300874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6" name="OTLSHAPE_SLT_e4cefc14526f4af7a7bbbbaeb737bed0_JoinedDate">
            <a:extLst>
              <a:ext uri="{FF2B5EF4-FFF2-40B4-BE49-F238E27FC236}">
                <a16:creationId xmlns:a16="http://schemas.microsoft.com/office/drawing/2014/main" id="{35A8EB76-7540-B9B8-0303-ADF32BD9B1E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874496" y="353489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Jan 12 - Jan 30</a:t>
            </a:r>
          </a:p>
        </p:txBody>
      </p:sp>
      <p:sp>
        <p:nvSpPr>
          <p:cNvPr id="47" name="OTLSHAPE_SLT_e4cefc14526f4af7a7bbbbaeb737bed0_Title">
            <a:extLst>
              <a:ext uri="{FF2B5EF4-FFF2-40B4-BE49-F238E27FC236}">
                <a16:creationId xmlns:a16="http://schemas.microsoft.com/office/drawing/2014/main" id="{5F91676C-6797-B6EC-CFD9-EDD3791AB75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794022" y="3527145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reating the mobile apps GUI</a:t>
            </a:r>
            <a:endParaRPr lang="en-GB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e4cefc14526f4af7a7bbbbaeb737bed0_TextPercentage">
            <a:extLst>
              <a:ext uri="{FF2B5EF4-FFF2-40B4-BE49-F238E27FC236}">
                <a16:creationId xmlns:a16="http://schemas.microsoft.com/office/drawing/2014/main" id="{58F5CE97-8CD5-B59B-0EC6-27C03C31F03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685349" y="353489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  <a:endParaRPr lang="en-GB" sz="1000" spc="-10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76c5f62a1a1349118e2e5963286832ac_JoinedDate">
            <a:extLst>
              <a:ext uri="{FF2B5EF4-FFF2-40B4-BE49-F238E27FC236}">
                <a16:creationId xmlns:a16="http://schemas.microsoft.com/office/drawing/2014/main" id="{AFAA70FC-A404-0334-DC3F-CD88CFA1B01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874496" y="376891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Jan 12 - Jan 30</a:t>
            </a:r>
          </a:p>
        </p:txBody>
      </p:sp>
      <p:sp>
        <p:nvSpPr>
          <p:cNvPr id="50" name="OTLSHAPE_SLT_76c5f62a1a1349118e2e5963286832ac_Title">
            <a:extLst>
              <a:ext uri="{FF2B5EF4-FFF2-40B4-BE49-F238E27FC236}">
                <a16:creationId xmlns:a16="http://schemas.microsoft.com/office/drawing/2014/main" id="{BC6D96AD-17EC-FF80-2879-43B054F3BEF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794022" y="3761164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reating the website's GUI</a:t>
            </a:r>
          </a:p>
        </p:txBody>
      </p:sp>
      <p:sp>
        <p:nvSpPr>
          <p:cNvPr id="51" name="OTLSHAPE_SLT_76c5f62a1a1349118e2e5963286832ac_TextPercentage">
            <a:extLst>
              <a:ext uri="{FF2B5EF4-FFF2-40B4-BE49-F238E27FC236}">
                <a16:creationId xmlns:a16="http://schemas.microsoft.com/office/drawing/2014/main" id="{552B98B0-B71C-DC9E-D3DA-883051752D3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685349" y="3768911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2" name="OTLSHAPE_SLT_e54c4d17ccf64fff8091ceb94b9903e3_JoinedDate">
            <a:extLst>
              <a:ext uri="{FF2B5EF4-FFF2-40B4-BE49-F238E27FC236}">
                <a16:creationId xmlns:a16="http://schemas.microsoft.com/office/drawing/2014/main" id="{9D121643-718C-BBF5-8457-B62DA616357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214311" y="3995183"/>
            <a:ext cx="596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Feb 2 - Feb 20</a:t>
            </a:r>
            <a:endParaRPr lang="en-GB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e54c4d17ccf64fff8091ceb94b9903e3_Title">
            <a:extLst>
              <a:ext uri="{FF2B5EF4-FFF2-40B4-BE49-F238E27FC236}">
                <a16:creationId xmlns:a16="http://schemas.microsoft.com/office/drawing/2014/main" id="{2637CF41-6626-C7B3-7328-186E3FFE235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977330" y="4064948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Writing the backend code for the mobile app</a:t>
            </a:r>
            <a:endParaRPr lang="en-GB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e54c4d17ccf64fff8091ceb94b9903e3_TextPercentage">
            <a:extLst>
              <a:ext uri="{FF2B5EF4-FFF2-40B4-BE49-F238E27FC236}">
                <a16:creationId xmlns:a16="http://schemas.microsoft.com/office/drawing/2014/main" id="{DDBEDA99-D313-4A3A-76FA-6FF270007EA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868657" y="407269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5" name="OTLSHAPE_SLT_a63304a9a6974c98bdaea49a8a7aa1c2_JoinedDate">
            <a:extLst>
              <a:ext uri="{FF2B5EF4-FFF2-40B4-BE49-F238E27FC236}">
                <a16:creationId xmlns:a16="http://schemas.microsoft.com/office/drawing/2014/main" id="{CC270749-B790-897B-CE6C-11557E17D58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085532" y="4376479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4546A"/>
                </a:solidFill>
                <a:latin typeface="Calibri" panose="020F0502020204030204" pitchFamily="34" charset="0"/>
              </a:rPr>
              <a:t>Feb 2 - Feb 20</a:t>
            </a:r>
          </a:p>
        </p:txBody>
      </p:sp>
      <p:sp>
        <p:nvSpPr>
          <p:cNvPr id="56" name="OTLSHAPE_SLT_a63304a9a6974c98bdaea49a8a7aa1c2_Title">
            <a:extLst>
              <a:ext uri="{FF2B5EF4-FFF2-40B4-BE49-F238E27FC236}">
                <a16:creationId xmlns:a16="http://schemas.microsoft.com/office/drawing/2014/main" id="{DB7D7186-F555-96AB-4A2C-B90CF156872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977330" y="4368732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Writing the backend for the website</a:t>
            </a:r>
            <a:endParaRPr lang="en-GB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a63304a9a6974c98bdaea49a8a7aa1c2_TextPercentage">
            <a:extLst>
              <a:ext uri="{FF2B5EF4-FFF2-40B4-BE49-F238E27FC236}">
                <a16:creationId xmlns:a16="http://schemas.microsoft.com/office/drawing/2014/main" id="{C7D52B5E-9F4E-CB7E-2550-379628B6576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868657" y="437647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58" name="OTLSHAPE_SLT_00d418c7c4214822b19eb2b845edbf7b_JoinedDate">
            <a:extLst>
              <a:ext uri="{FF2B5EF4-FFF2-40B4-BE49-F238E27FC236}">
                <a16:creationId xmlns:a16="http://schemas.microsoft.com/office/drawing/2014/main" id="{1E41898E-1E7F-CA5D-816D-990748639B5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756795" y="492071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rgbClr val="44546A"/>
                </a:solidFill>
                <a:latin typeface="Calibri" panose="020F0502020204030204" pitchFamily="34" charset="0"/>
              </a:rPr>
              <a:t>Mar 23 - Apr 10</a:t>
            </a:r>
            <a:endParaRPr lang="en-GB" sz="1000" spc="-2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00d418c7c4214822b19eb2b845edbf7b_Title">
            <a:extLst>
              <a:ext uri="{FF2B5EF4-FFF2-40B4-BE49-F238E27FC236}">
                <a16:creationId xmlns:a16="http://schemas.microsoft.com/office/drawing/2014/main" id="{0B739E62-7072-1085-B924-68503BC8CFA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738382" y="491296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ntegrating the system</a:t>
            </a:r>
            <a:endParaRPr lang="en-GB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00d418c7c4214822b19eb2b845edbf7b_TextPercentage">
            <a:extLst>
              <a:ext uri="{FF2B5EF4-FFF2-40B4-BE49-F238E27FC236}">
                <a16:creationId xmlns:a16="http://schemas.microsoft.com/office/drawing/2014/main" id="{A340940C-3D80-1B4C-1C26-AFCD1778712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629708" y="492071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1" name="OTLSHAPE_SLT_85792e9c8a9f47f3a8499e9f302fc641_JoinedDate">
            <a:extLst>
              <a:ext uri="{FF2B5EF4-FFF2-40B4-BE49-F238E27FC236}">
                <a16:creationId xmlns:a16="http://schemas.microsoft.com/office/drawing/2014/main" id="{88159680-B0B6-7D93-490B-F8763BEBD68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993655" y="5154735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Apr 13 - May 1</a:t>
            </a:r>
          </a:p>
        </p:txBody>
      </p:sp>
      <p:sp>
        <p:nvSpPr>
          <p:cNvPr id="62" name="OTLSHAPE_SLT_85792e9c8a9f47f3a8499e9f302fc641_Title">
            <a:extLst>
              <a:ext uri="{FF2B5EF4-FFF2-40B4-BE49-F238E27FC236}">
                <a16:creationId xmlns:a16="http://schemas.microsoft.com/office/drawing/2014/main" id="{473EF1B8-D59F-E1E0-BC0C-FDF58F4E2CE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921689" y="5146988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Testing the system</a:t>
            </a:r>
          </a:p>
        </p:txBody>
      </p:sp>
      <p:sp>
        <p:nvSpPr>
          <p:cNvPr id="63" name="OTLSHAPE_SLT_85792e9c8a9f47f3a8499e9f302fc641_TextPercentage">
            <a:extLst>
              <a:ext uri="{FF2B5EF4-FFF2-40B4-BE49-F238E27FC236}">
                <a16:creationId xmlns:a16="http://schemas.microsoft.com/office/drawing/2014/main" id="{F435D7A3-7393-C5ED-8C3A-7ED1A97A306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813017" y="5154735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4" name="OTLSHAPE_TB_00000000000000000000000000000000_ScaleMarking1">
            <a:extLst>
              <a:ext uri="{FF2B5EF4-FFF2-40B4-BE49-F238E27FC236}">
                <a16:creationId xmlns:a16="http://schemas.microsoft.com/office/drawing/2014/main" id="{AAFDE451-A893-E8C2-59AD-127B1DC3EFE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369533" y="237775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44546A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65" name="OTLSHAPE_TB_00000000000000000000000000000000_TimescaleInterval4">
            <a:extLst>
              <a:ext uri="{FF2B5EF4-FFF2-40B4-BE49-F238E27FC236}">
                <a16:creationId xmlns:a16="http://schemas.microsoft.com/office/drawing/2014/main" id="{4004ACF9-D09E-81D6-A25B-D56D3FBC224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440853" y="2597781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66" name="OTLSHAPE_TB_00000000000000000000000000000000_TimescaleInterval5">
            <a:extLst>
              <a:ext uri="{FF2B5EF4-FFF2-40B4-BE49-F238E27FC236}">
                <a16:creationId xmlns:a16="http://schemas.microsoft.com/office/drawing/2014/main" id="{5C5A5809-2915-C526-846D-6363FC926CC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187641" y="2597781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67" name="OTLSHAPE_TB_00000000000000000000000000000000_TimescaleInterval6">
            <a:extLst>
              <a:ext uri="{FF2B5EF4-FFF2-40B4-BE49-F238E27FC236}">
                <a16:creationId xmlns:a16="http://schemas.microsoft.com/office/drawing/2014/main" id="{32A0D780-D817-D9D8-08A4-E6FB1DF452D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878080" y="2597781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68" name="OTLSHAPE_TB_00000000000000000000000000000000_ScaleMarking2">
            <a:extLst>
              <a:ext uri="{FF2B5EF4-FFF2-40B4-BE49-F238E27FC236}">
                <a16:creationId xmlns:a16="http://schemas.microsoft.com/office/drawing/2014/main" id="{E1DB598B-5838-985E-DD8B-1A682C44984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116321" y="23777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44546A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69" name="OTLSHAPE_SLT_6da813c3211041fa80c1da6754fcbf3f_JoinedDate">
            <a:extLst>
              <a:ext uri="{FF2B5EF4-FFF2-40B4-BE49-F238E27FC236}">
                <a16:creationId xmlns:a16="http://schemas.microsoft.com/office/drawing/2014/main" id="{9BD15E60-CFD1-652C-C04A-3BD70B82DE9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608666" y="468669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2">
                <a:solidFill>
                  <a:srgbClr val="44546A"/>
                </a:solidFill>
                <a:latin typeface="Calibri" panose="020F0502020204030204" pitchFamily="34" charset="0"/>
              </a:rPr>
              <a:t>Mar 2 - Mar 20</a:t>
            </a:r>
          </a:p>
        </p:txBody>
      </p:sp>
      <p:sp>
        <p:nvSpPr>
          <p:cNvPr id="70" name="OTLSHAPE_SLT_6da813c3211041fa80c1da6754fcbf3f_Title">
            <a:extLst>
              <a:ext uri="{FF2B5EF4-FFF2-40B4-BE49-F238E27FC236}">
                <a16:creationId xmlns:a16="http://schemas.microsoft.com/office/drawing/2014/main" id="{A75F11F2-E639-514A-C1A8-B593F887A0A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555073" y="467895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xing bugs</a:t>
            </a:r>
          </a:p>
        </p:txBody>
      </p:sp>
      <p:sp>
        <p:nvSpPr>
          <p:cNvPr id="71" name="OTLSHAPE_SLT_6da813c3211041fa80c1da6754fcbf3f_TextPercentage">
            <a:extLst>
              <a:ext uri="{FF2B5EF4-FFF2-40B4-BE49-F238E27FC236}">
                <a16:creationId xmlns:a16="http://schemas.microsoft.com/office/drawing/2014/main" id="{F3AB88EE-F7D2-279E-9DA9-D560B46AB66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446401" y="468669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72" name="OTLSHAPE_SLT_f774f87351344c35a4d5f60e57ceeebc_JoinedDate">
            <a:extLst>
              <a:ext uri="{FF2B5EF4-FFF2-40B4-BE49-F238E27FC236}">
                <a16:creationId xmlns:a16="http://schemas.microsoft.com/office/drawing/2014/main" id="{7C90664E-9521-4B97-ED08-7308F897E57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882413" y="538875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rgbClr val="44546A"/>
                </a:solidFill>
                <a:latin typeface="Calibri" panose="020F0502020204030204" pitchFamily="34" charset="0"/>
              </a:rPr>
              <a:t>Jan 12 - May 4</a:t>
            </a:r>
          </a:p>
        </p:txBody>
      </p:sp>
      <p:sp>
        <p:nvSpPr>
          <p:cNvPr id="73" name="OTLSHAPE_SLT_f774f87351344c35a4d5f60e57ceeebc_Title">
            <a:extLst>
              <a:ext uri="{FF2B5EF4-FFF2-40B4-BE49-F238E27FC236}">
                <a16:creationId xmlns:a16="http://schemas.microsoft.com/office/drawing/2014/main" id="{EC0C6053-C754-4DF1-00FD-D1EF9DB1FEA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0090733" y="538100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ation</a:t>
            </a:r>
          </a:p>
        </p:txBody>
      </p:sp>
      <p:sp>
        <p:nvSpPr>
          <p:cNvPr id="74" name="OTLSHAPE_SLT_f774f87351344c35a4d5f60e57ceeebc_TextPercentage">
            <a:extLst>
              <a:ext uri="{FF2B5EF4-FFF2-40B4-BE49-F238E27FC236}">
                <a16:creationId xmlns:a16="http://schemas.microsoft.com/office/drawing/2014/main" id="{ACCAAA18-07D1-0FD0-7C1F-9B7934A95AA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685349" y="5388754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</p:spTree>
    <p:extLst>
      <p:ext uri="{BB962C8B-B14F-4D97-AF65-F5344CB8AC3E}">
        <p14:creationId xmlns:p14="http://schemas.microsoft.com/office/powerpoint/2010/main" val="418969517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0D6A8DB-B0DB-AF36-92EF-11C78B1D35A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3D95624-D583-7ECD-D32A-166ED924AC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55"/>
            <a:ext cx="10515600" cy="873567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Reference</a:t>
            </a:r>
            <a:endParaRPr lang="en-GB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B052CB91-56C7-6B0F-207E-408267AC8B4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</p:spPr>
        <p:txBody>
          <a:bodyPr/>
          <a:lstStyle/>
          <a:p>
            <a:r>
              <a:rPr lang="en-GB" dirty="0"/>
              <a:t>Include a list of references including links to images any videos if any is used. </a:t>
            </a:r>
            <a:r>
              <a:rPr lang="en-US" dirty="0"/>
              <a:t>(Remove this line for the presentation).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194182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69D9EECD-7675-8CEE-B5A9-895A5282B3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939348"/>
            <a:ext cx="10453577" cy="979303"/>
          </a:xfrm>
        </p:spPr>
        <p:txBody>
          <a:bodyPr/>
          <a:lstStyle/>
          <a:p>
            <a:pPr algn="ctr"/>
            <a:r>
              <a:rPr lang="en-GB" dirty="0"/>
              <a:t>Questions and Answers</a:t>
            </a:r>
          </a:p>
        </p:txBody>
      </p:sp>
    </p:spTree>
    <p:extLst>
      <p:ext uri="{BB962C8B-B14F-4D97-AF65-F5344CB8AC3E}">
        <p14:creationId xmlns:p14="http://schemas.microsoft.com/office/powerpoint/2010/main" val="393436213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DE10E4-E1B9-B78B-2C3A-C39F914AFA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Possible Charts and Figur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5F33764-5BBF-DA13-C023-7C12B501347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ctr"/>
            <a:r>
              <a:rPr lang="en-US" dirty="0"/>
              <a:t>You may include these charts or figures in your presentation if they are helpful in explaining concepts and tools. </a:t>
            </a:r>
            <a:br>
              <a:rPr lang="en-US" dirty="0"/>
            </a:br>
            <a:r>
              <a:rPr lang="en-US" dirty="0"/>
              <a:t>Remove the slides that do not serve your project.</a:t>
            </a:r>
          </a:p>
        </p:txBody>
      </p:sp>
    </p:spTree>
    <p:extLst>
      <p:ext uri="{BB962C8B-B14F-4D97-AF65-F5344CB8AC3E}">
        <p14:creationId xmlns:p14="http://schemas.microsoft.com/office/powerpoint/2010/main" val="13158377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4-12-30T23:59:00.0000000Z"/>
  <p:tag name="OTLENDDATE" val="2025-01-01T23:59:00.0000000Z"/>
  <p:tag name="OTLPERCENTAGE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1-12T00:00:00.0000000Z"/>
  <p:tag name="OTLENDDATE" val="2025-02-21T23:59:00.0000000Z"/>
  <p:tag name="OTLPERCENTAGE" val="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1-12T00:00:00.0000000Z"/>
  <p:tag name="OTLENDDATE" val="2025-01-30T23:59:00.0000000Z"/>
  <p:tag name="OTLPERCENTAGE" val="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1-12T00:00:00.0000000Z"/>
  <p:tag name="OTLENDDATE" val="2025-01-30T23:59:00.0000000Z"/>
  <p:tag name="OTLPERCENTAGE" val="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2-02T00:00:00.0000000Z"/>
  <p:tag name="OTLENDDATE" val="2025-02-20T23:59:00.0000000Z"/>
  <p:tag name="OTLPERCENTAGE" val="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2-02T00:00:00.0000000Z"/>
  <p:tag name="OTLENDDATE" val="2025-02-20T23:59:00.0000000Z"/>
  <p:tag name="OTLPERCENTAGE" val="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3-23T00:00:00.0000000Z"/>
  <p:tag name="OTLENDDATE" val="2025-04-10T23:59:00.0000000Z"/>
  <p:tag name="OTLPERCENTAGE" val="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4-13T00:00:00.0000000Z"/>
  <p:tag name="OTLENDDATE" val="2025-05-01T23:59:00.0000000Z"/>
  <p:tag name="OTLPERCENTAGE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02T00:00:00.0000000Z"/>
  <p:tag name="OTLENDDATE" val="2025-03-20T23:59:00.0000000Z"/>
  <p:tag name="OTLPERCENTAGE" val="0"/>
  <p:tag name="OTLDURATIONFORMAT" val="day"/>
  <p:tag name="OTLSPACING" val="5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1-12T00:00:00.0000000Z"/>
  <p:tag name="OTLENDDATE" val="2025-05-04T23:59:00.0000000Z"/>
  <p:tag name="OTLPERCENTAGE" val="0"/>
  <p:tag name="OTLDURATIONFORMAT" val="day"/>
  <p:tag name="OTLSPACING" val="5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QUICKPOSITION" val="Custom"/>
  <p:tag name="OTLTIMEBANDENDDATE" val="2025-05-04T23:59:00.000000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">
      <a:dk1>
        <a:srgbClr val="005773"/>
      </a:dk1>
      <a:lt1>
        <a:srgbClr val="FFFFFF"/>
      </a:lt1>
      <a:dk2>
        <a:srgbClr val="005773"/>
      </a:dk2>
      <a:lt2>
        <a:srgbClr val="E7E6E6"/>
      </a:lt2>
      <a:accent1>
        <a:srgbClr val="0C7078"/>
      </a:accent1>
      <a:accent2>
        <a:srgbClr val="C29943"/>
      </a:accent2>
      <a:accent3>
        <a:srgbClr val="005773"/>
      </a:accent3>
      <a:accent4>
        <a:srgbClr val="C29943"/>
      </a:accent4>
      <a:accent5>
        <a:srgbClr val="C0392B"/>
      </a:accent5>
      <a:accent6>
        <a:srgbClr val="2C3F50"/>
      </a:accent6>
      <a:hlink>
        <a:srgbClr val="0C7078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مستند" ma:contentTypeID="0x0101006E715EFE7EF24E49A67E10E0AC442593" ma:contentTypeVersion="2" ma:contentTypeDescription="إنشاء مستند جديد." ma:contentTypeScope="" ma:versionID="903dfd8788becfc1a53525e0c8ee416e">
  <xsd:schema xmlns:xsd="http://www.w3.org/2001/XMLSchema" xmlns:xs="http://www.w3.org/2001/XMLSchema" xmlns:p="http://schemas.microsoft.com/office/2006/metadata/properties" xmlns:ns1="http://schemas.microsoft.com/sharepoint/v3" xmlns:ns2="62be96db-45dc-4974-8e89-41c5da6715c4" targetNamespace="http://schemas.microsoft.com/office/2006/metadata/properties" ma:root="true" ma:fieldsID="c2338bbc0c60615803c489042680e789" ns1:_="" ns2:_="">
    <xsd:import namespace="http://schemas.microsoft.com/sharepoint/v3"/>
    <xsd:import namespace="62be96db-45dc-4974-8e89-41c5da6715c4"/>
    <xsd:element name="properties">
      <xsd:complexType>
        <xsd:sequence>
          <xsd:element name="documentManagement">
            <xsd:complexType>
              <xsd:all>
                <xsd:element ref="ns1:PublishingStartDate" minOccurs="0"/>
                <xsd:element ref="ns1:PublishingExpirationDate" minOccurs="0"/>
                <xsd:element ref="ns2:SharedWithUser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8" nillable="true" ma:displayName="جدولة تاريخ البدء" ma:description="" ma:hidden="true" ma:internalName="PublishingStartDate">
      <xsd:simpleType>
        <xsd:restriction base="dms:Unknown"/>
      </xsd:simpleType>
    </xsd:element>
    <xsd:element name="PublishingExpirationDate" ma:index="9" nillable="true" ma:displayName="جدولة تاريخ الانتهاء" ma:description="" ma:hidden="true" ma:internalName="PublishingExpirationDat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2be96db-45dc-4974-8e89-41c5da6715c4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تمت مشاركته مع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نوع المحتوى"/>
        <xsd:element ref="dc:title" minOccurs="0" maxOccurs="1" ma:index="4" ma:displayName="العنوان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PublishingExpirationDate xmlns="http://schemas.microsoft.com/sharepoint/v3" xsi:nil="true"/>
    <PublishingStartDate xmlns="http://schemas.microsoft.com/sharepoint/v3" xsi:nil="true"/>
  </documentManagement>
</p:properties>
</file>

<file path=customXml/itemProps1.xml><?xml version="1.0" encoding="utf-8"?>
<ds:datastoreItem xmlns:ds="http://schemas.openxmlformats.org/officeDocument/2006/customXml" ds:itemID="{10F6C173-05B1-4FB2-8316-E91DC21EFACF}"/>
</file>

<file path=customXml/itemProps2.xml><?xml version="1.0" encoding="utf-8"?>
<ds:datastoreItem xmlns:ds="http://schemas.openxmlformats.org/officeDocument/2006/customXml" ds:itemID="{BC30E092-7390-41AD-9E68-04E27FEC81B1}"/>
</file>

<file path=customXml/itemProps3.xml><?xml version="1.0" encoding="utf-8"?>
<ds:datastoreItem xmlns:ds="http://schemas.openxmlformats.org/officeDocument/2006/customXml" ds:itemID="{43401493-22CF-4BAB-A489-DBA2073F0AF3}"/>
</file>

<file path=docProps/app.xml><?xml version="1.0" encoding="utf-8"?>
<Properties xmlns="http://schemas.openxmlformats.org/officeDocument/2006/extended-properties" xmlns:vt="http://schemas.openxmlformats.org/officeDocument/2006/docPropsVTypes">
  <TotalTime>3806</TotalTime>
  <Words>401</Words>
  <Application>Microsoft Office PowerPoint</Application>
  <PresentationFormat>Widescreen</PresentationFormat>
  <Paragraphs>89</Paragraphs>
  <Slides>15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19" baseType="lpstr">
      <vt:lpstr>DIN Next LT Arabic</vt:lpstr>
      <vt:lpstr>Arial</vt:lpstr>
      <vt:lpstr>Calibri</vt:lpstr>
      <vt:lpstr>Office Theme</vt:lpstr>
      <vt:lpstr>Project Title</vt:lpstr>
      <vt:lpstr>Agenda</vt:lpstr>
      <vt:lpstr>Project Recap</vt:lpstr>
      <vt:lpstr>Tools Used in Project Proposal</vt:lpstr>
      <vt:lpstr>Tools &amp; Techniques for Implementation</vt:lpstr>
      <vt:lpstr>Identified tasks &amp; plan for implementation</vt:lpstr>
      <vt:lpstr>Reference</vt:lpstr>
      <vt:lpstr>Questions and Answers</vt:lpstr>
      <vt:lpstr>Possible Charts and Figures</vt:lpstr>
      <vt:lpstr>PowerPoint Presentation</vt:lpstr>
      <vt:lpstr>PowerPoint Presentation</vt:lpstr>
      <vt:lpstr>Expected Outcomes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>Safa Alsalman</dc:creator>
  <cp:lastModifiedBy>Safa Adnan Alsalman</cp:lastModifiedBy>
  <cp:revision>20</cp:revision>
  <dcterms:modified xsi:type="dcterms:W3CDTF">2025-01-11T07:36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E715EFE7EF24E49A67E10E0AC442593</vt:lpwstr>
  </property>
</Properties>
</file>